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2_112_Spiroergometrický prístroj pre novootvorené Centrum preventívnej športovej kardiológie\03. Príprava\Právne\"/>
    </mc:Choice>
  </mc:AlternateContent>
  <bookViews>
    <workbookView xWindow="-120" yWindow="-120" windowWidth="24240" windowHeight="13140"/>
  </bookViews>
  <sheets>
    <sheet name="Cenová ponuka" sheetId="8" r:id="rId1"/>
  </sheets>
  <definedNames>
    <definedName name="_xlnm.Print_Area" localSheetId="0">'Cenová ponuka'!$A$1:$G$22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13" uniqueCount="334">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Príloha č. 1</t>
  </si>
  <si>
    <t xml:space="preserve">3.1.a)  Rozdelenie na časti: </t>
  </si>
  <si>
    <t>3.1.b)  Zoznam položiek:</t>
  </si>
  <si>
    <t>Poradové číslo</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 xml:space="preserve">Požadované minimálne osobitné požiadavky na predmet zákazky:
</t>
  </si>
  <si>
    <t>Hodnota parametra</t>
  </si>
  <si>
    <t>Minimum</t>
  </si>
  <si>
    <t>Maximum</t>
  </si>
  <si>
    <t>1. Základné údaje</t>
  </si>
  <si>
    <r>
      <t>Potvrdenie ŠÚKL (</t>
    </r>
    <r>
      <rPr>
        <sz val="10"/>
        <color theme="1"/>
        <rFont val="Arial"/>
        <family val="2"/>
        <charset val="238"/>
      </rPr>
      <t xml:space="preserve">výstup z databázy registrovaných/evidovaných zdravotníckych pomôcok), resp. iné doklady, ktoré nahrádzajú požadované potvrdenie. </t>
    </r>
  </si>
  <si>
    <t>6.4</t>
  </si>
  <si>
    <t>Spiroergometrický prístroj pre novootvorené Centrum preventívnej a športovej kardiológie</t>
  </si>
  <si>
    <t>Položka č.1 - Spiroergometrický prístroj</t>
  </si>
  <si>
    <t xml:space="preserve">Testovací systém kardiopulmonálnej záťaže 
(Cardiopulmonary Excercise Test System - CPET system)
</t>
  </si>
  <si>
    <t>xx</t>
  </si>
  <si>
    <t>Pokojové EKG</t>
  </si>
  <si>
    <t>Záťažové EKG</t>
  </si>
  <si>
    <t>Kardiopulmonálny záťažový test (CPET)</t>
  </si>
  <si>
    <t>Spirometria</t>
  </si>
  <si>
    <t>Nepriama kalorimetria</t>
  </si>
  <si>
    <t>Bidirekčná digitálna turbína</t>
  </si>
  <si>
    <t>Rozsah merania prietoku</t>
  </si>
  <si>
    <t>±18 l/s</t>
  </si>
  <si>
    <t>Presnosť merania prietoku</t>
  </si>
  <si>
    <t>±2 % alebo 50 ml/s</t>
  </si>
  <si>
    <t>2. Aplikácia:</t>
  </si>
  <si>
    <t>3. Metóda merania:</t>
  </si>
  <si>
    <t>Rezistencia</t>
  </si>
  <si>
    <t>Rozsah merania objemu</t>
  </si>
  <si>
    <t>60 Pa/l/s @ 15 l/s</t>
  </si>
  <si>
    <t>15 l</t>
  </si>
  <si>
    <t>Presnosť merania objemu</t>
  </si>
  <si>
    <t>Rozsah</t>
  </si>
  <si>
    <t>0-10%</t>
  </si>
  <si>
    <t>0,05%</t>
  </si>
  <si>
    <t>Presnosť</t>
  </si>
  <si>
    <t>Doba odozvy t90</t>
  </si>
  <si>
    <t>130 ms</t>
  </si>
  <si>
    <t>0-100%</t>
  </si>
  <si>
    <t xml:space="preserve">Porty: USB A-B, RS-232, HR-TTL, SpO2 
</t>
  </si>
  <si>
    <t xml:space="preserve">Windows 10 (32 bit, 64bit), Windows 11 (64bit), CPU ≥ 2Ghz, RAM ≥ 4GB, HD ≥ 10GB, rozlíšenie monitora ≥ 1366x768 pixel, ≥2 USB port </t>
  </si>
  <si>
    <t>Meranie a archivácia EKG</t>
  </si>
  <si>
    <t>Snímanie a zobrazovanie EKG "online"</t>
  </si>
  <si>
    <t>Plnoautomatické EKG</t>
  </si>
  <si>
    <t>Zabudovaný akumulátor v EKG</t>
  </si>
  <si>
    <t>Bezdrôtový prenos - Wi-Fi</t>
  </si>
  <si>
    <t>Záťaž</t>
  </si>
  <si>
    <t>Metabolický ekvivalent (MET)</t>
  </si>
  <si>
    <t>Minútová ventilácia (MV)</t>
  </si>
  <si>
    <t>Dychový objem (VT)</t>
  </si>
  <si>
    <t>Dychová frekvencia</t>
  </si>
  <si>
    <t>Spotreba kyslíka (VO2)</t>
  </si>
  <si>
    <t>Maximálna spotreba kyslíka (VO2max)</t>
  </si>
  <si>
    <t>Maximálna spotreba kyslíka na telesnú hmotnosť (VO2 max/kg)</t>
  </si>
  <si>
    <t>Produkcia oxidu uhličitého (VCO2)</t>
  </si>
  <si>
    <t>Maximálna produkcia oxidu uhličitého (VCO2 max)</t>
  </si>
  <si>
    <t>Efektivita vstrebávania kyslíka (OUES)</t>
  </si>
  <si>
    <t>Respiračný kvocient (RER)</t>
  </si>
  <si>
    <t>Bazálny energetický výdaj (REE)</t>
  </si>
  <si>
    <t>Energetický výdaj (EE)</t>
  </si>
  <si>
    <t>Tepová frekvencia (HR)</t>
  </si>
  <si>
    <t>Koncentrácia O2 (pO2)</t>
  </si>
  <si>
    <t>Koncentrácia CO2 (pCO2)</t>
  </si>
  <si>
    <t>Parciálny tlak O2 na konci výdychu (PETO2)</t>
  </si>
  <si>
    <t>Parciálny tlak CO2 na konci výdychu (PETCO2)</t>
  </si>
  <si>
    <t>Úsilná vitálna kapacita (FVC)</t>
  </si>
  <si>
    <t>Pomalá vitálna kapacita (SVC)</t>
  </si>
  <si>
    <t>Maximálna minútová ventilácia (MVV)</t>
  </si>
  <si>
    <t>Inspiračná kapacita pri záťaži (IC)</t>
  </si>
  <si>
    <t xml:space="preserve">Koncovo - expiračný objem pľúc </t>
  </si>
  <si>
    <t xml:space="preserve">Úroveň ST segmentu </t>
  </si>
  <si>
    <t>Hodnotenie anaeróbneho prahu</t>
  </si>
  <si>
    <t>Interpretácia aeróbnej kapacity</t>
  </si>
  <si>
    <t>Meranie pred/po</t>
  </si>
  <si>
    <t>Analýza krvných plynov</t>
  </si>
  <si>
    <t>Kalorimetria – hodnotenie energetického výdaja a spaľovania tukov</t>
  </si>
  <si>
    <t>Automatická detekcia arytmie</t>
  </si>
  <si>
    <t>QT modul – hodnotenie syndrómu dlhého QT</t>
  </si>
  <si>
    <t>Rizikové skóre pre interpretáciu koronárnej choroby srdca</t>
  </si>
  <si>
    <t>Plnoautomatická ergometria, kompletný záznam 12 zvodov počas celého testu</t>
  </si>
  <si>
    <t>Meranie krvného tlaku v pokoji</t>
  </si>
  <si>
    <t>Stresové meranie krvného tlaku pri ergometrii</t>
  </si>
  <si>
    <t>Možnosť kompletnej elektronickej dokumentácie celého procesu merania</t>
  </si>
  <si>
    <t xml:space="preserve">Záznam profilu krvného tlaku
</t>
  </si>
  <si>
    <t>farebná/čiernobiela tlač formátu A4</t>
  </si>
  <si>
    <t>15. Príslušenstvo:</t>
  </si>
  <si>
    <t>Náustok s „lapačom slín“ - opakovane použiteľné</t>
  </si>
  <si>
    <t>Nosová spona  - jednorazové použitie</t>
  </si>
  <si>
    <t>33124100-6 - Diagnostické prístroje</t>
  </si>
  <si>
    <t xml:space="preserve">Spiroergometrický prístroj </t>
  </si>
  <si>
    <t>Meranie respiračných, metabolických a hemofynamických parametrov v kľude a pri záťaži systémom "Breath by Breath"</t>
  </si>
  <si>
    <t>12 zvodové kľudové (pokojové) a záťažové EKG</t>
  </si>
  <si>
    <t>Gumené náustky jednorazové</t>
  </si>
  <si>
    <t xml:space="preserve">Spiroergometer je určený na funkčné vyšetrenie dýchania pri záťaži so súčasnou registráciou činnosti kardiovaskulárneho systému.                                                                                      </t>
  </si>
  <si>
    <t>Manžeta veľkosť M - 1 ks</t>
  </si>
  <si>
    <t>Manžeta veľkosť L - 1 ks</t>
  </si>
  <si>
    <t>5. CO2 senzor infračervený:</t>
  </si>
  <si>
    <t>6. O2 senzor elektrochemický:</t>
  </si>
  <si>
    <t>7. Požiadavky na PC:</t>
  </si>
  <si>
    <t>hardvér</t>
  </si>
  <si>
    <t>softvér</t>
  </si>
  <si>
    <t>4. Prietokový senzor:</t>
  </si>
  <si>
    <t>8.  EKG</t>
  </si>
  <si>
    <t>9. Merané a vypočítané parametre</t>
  </si>
  <si>
    <t>9.13</t>
  </si>
  <si>
    <t>9.14</t>
  </si>
  <si>
    <t>9.15</t>
  </si>
  <si>
    <t>9.16</t>
  </si>
  <si>
    <t>9.17</t>
  </si>
  <si>
    <t>9.18</t>
  </si>
  <si>
    <t>9.19</t>
  </si>
  <si>
    <t>9.20</t>
  </si>
  <si>
    <t>9.21</t>
  </si>
  <si>
    <t>9.22</t>
  </si>
  <si>
    <t>9.23</t>
  </si>
  <si>
    <t>9.24</t>
  </si>
  <si>
    <t>9.25</t>
  </si>
  <si>
    <t>10. Hodnotenia</t>
  </si>
  <si>
    <t>11. Medicínsky vozík</t>
  </si>
  <si>
    <t>12.2</t>
  </si>
  <si>
    <t>12.3</t>
  </si>
  <si>
    <t>12.4</t>
  </si>
  <si>
    <t>12.5</t>
  </si>
  <si>
    <t>12.6</t>
  </si>
  <si>
    <t>Opakovane použiteľné tvárové masky (S, M, L)</t>
  </si>
  <si>
    <t>Opakovane použiteľné čiapky ( S, M, L)</t>
  </si>
  <si>
    <t>Plynová nádoba 16% O2, 5% CO2, N2 bal  - 1 ks</t>
  </si>
  <si>
    <t>Regulátor tlaku pre fľašu s kalibračným plynom - 1 ks</t>
  </si>
  <si>
    <t>Okrúhle náustky jednorazové</t>
  </si>
  <si>
    <t>13.1</t>
  </si>
  <si>
    <t>14. Bicyklový ergometer</t>
  </si>
  <si>
    <t>14.1</t>
  </si>
  <si>
    <t>elektrické nastavenie výšky sedadla</t>
  </si>
  <si>
    <t>14.2</t>
  </si>
  <si>
    <t>digitálne zobrazenie výšky sedadla</t>
  </si>
  <si>
    <t>14.3</t>
  </si>
  <si>
    <t>14.4</t>
  </si>
  <si>
    <t>14.5</t>
  </si>
  <si>
    <t>nastaviteľné držadlo (výška a sklon)</t>
  </si>
  <si>
    <t>záťaž  do 999 W</t>
  </si>
  <si>
    <t>programovateľný riadiaci panel s LCD displejom</t>
  </si>
  <si>
    <t>Medicínsky vozík s dvoma monitormi, PC zostavou, softvér a kompletným  vybavením potrebným pre kardiopulmonálne záťažové testy (prietokomer, adaptéry, kalibračná striekačka, snímač tepovej frekvencie)</t>
  </si>
  <si>
    <t>Držiak na 1 plynovú nádobu (120V alebo 240V) - 1 ks</t>
  </si>
  <si>
    <t>Bezpečnostné  a kvalitatívne normy</t>
  </si>
  <si>
    <t>Kalkulácia ceny a návrh na plnenie kritéria na vyhodnotenie ponúk - Štruktúrovaný rozpočet ceny predmetu zákazky</t>
  </si>
  <si>
    <t xml:space="preserve">Vzorkovacia hadička - opakovane použiteľná hadička na odber vzoriek plynu </t>
  </si>
  <si>
    <t xml:space="preserve">12. Tlakomer s automatickým meraním </t>
  </si>
  <si>
    <t xml:space="preserve">13. Tlačiareň </t>
  </si>
  <si>
    <t>15.8</t>
  </si>
  <si>
    <t>15.9</t>
  </si>
  <si>
    <t>15.10</t>
  </si>
  <si>
    <t>1.</t>
  </si>
  <si>
    <t>Požaduje sa uzatvorenie kúpnej zmluvy.</t>
  </si>
  <si>
    <t>2.</t>
  </si>
  <si>
    <t>Požaduje sa dodanie prístroja :</t>
  </si>
  <si>
    <t>2.1.</t>
  </si>
  <si>
    <t>do tridsiatich (30) pracovných dní od dňa nadobudnutia účinnosti zmluvy,</t>
  </si>
  <si>
    <t>2.2.</t>
  </si>
  <si>
    <t>v pracovných dňoch,</t>
  </si>
  <si>
    <t>2.3.</t>
  </si>
  <si>
    <t>v čase od 08:00 hod. do 14:30 hod.,</t>
  </si>
  <si>
    <t>2.4.</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 päť (5) pracovných dní vopred tak, aby objednávateľ mohol poskynúť potrebnú súčinnosť pri dodaní,</t>
  </si>
  <si>
    <t>2.6.</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3.</t>
  </si>
  <si>
    <t xml:space="preserve">Objednávateľ zabezpečí za účelom prevzatia prístroja prístup pre osoby poverené dodávateľom na čas nevyhnutný na vyloženie, kompletizáciu a inštaláciu prístroja. </t>
  </si>
  <si>
    <t>4.</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zariadenie riadne prevziať. Objednávateľ nadobudne vlastnícke právo vždy až po  zaplatení celej odplaty za plnenie dohodnutej v zmluve. </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5.</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prístroja.</t>
  </si>
  <si>
    <t>6.</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7.</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8.</t>
  </si>
  <si>
    <t>Dodávateľ je povinný vystaviť faktúru za dodaný prístroj v súlade s ustanovením §73 zákona č. 222/2004 Z. z. o dani z pridanej hodnoty v znení neskorších predpisov (ďalej len „zákon o DPH“), najneskôr však do piateho (5) pracovného dňa v mesiaci, nasledujúcom po mesiaci, v ktorom došlo k dodaniu prístroja podľa uzatvorenej kúpnej zmluvy.</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kúpnej zmluvy.</t>
  </si>
  <si>
    <t>9.</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10.</t>
  </si>
  <si>
    <t xml:space="preserve">Požaduje sa v zmysle § 340b ods. 5 zákona č. 513/1991 Z.z. Obchodného zákonníka v znení neskorších predpisov splatnosť faktúry v lehote šesťdesiatich (60) kalendárnych dní odo dňa jej doručenia objednávateľovi. </t>
  </si>
  <si>
    <t>11.</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12.</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12.1.</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12.2.</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13.</t>
  </si>
  <si>
    <t xml:space="preserve">Dodávateľ poskytuje na prístroj a všetky jeho súčasti komplexnú záruku v trvaní dvadsiatichštyroch (24) mesiacov, resp. šesťdesiatich (60) mesiacov odo dňa, kedy je prístroj uvedený do prevádzky. Uvedenie prístroja do prevádzky a začiatok plynutia záručnej doby sa potvrdí na dodacom liste (preberací protokol),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14.</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14.1.</t>
  </si>
  <si>
    <t>oprava vád a porúch prístroja, t.j. uvedenie prístroja do stavu plnej využiteľnosti vzhľadom k jeho technickým parametrom,</t>
  </si>
  <si>
    <t>oprava vád a porúch zariadenia, t.j. uvedenie zariadenia do stavu plnej využiteľnosti vzhľadom k jeho technickým parametrom,</t>
  </si>
  <si>
    <t>14.2.</t>
  </si>
  <si>
    <t>dodávka a výmena všetkých potrebných náhradných dielov a súčiastok v prípade ich poruchy, ktoré sami o sebe majú kratšiu dobu životnosti, alebo kratšiu záručnú dobu, ako je záručná doba poskytovaná dodávateľom,</t>
  </si>
  <si>
    <t>14.3.</t>
  </si>
  <si>
    <t xml:space="preserve">vykonanie štandardných vylepšení prístroja odporúčaných a predpísaných výrobcom prístroja podľa rozhodnutia dodávateľa, vrátane vykonania servisných aktualizácií, t.j. servisný update softwarového vybavenia prístroja, zároveň sa vyžaduje k splneniu uvedenej povinnosti poskytnutie súčinnosti objednávateľa, </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14.4.</t>
  </si>
  <si>
    <t>dodávky a zabudovanie náhradných dielov, ktoré sú potrebné k riadnej a bezporuchovej prevádzke prístroja, vrátane demontáže, odvozu a likvidácie použitého a nepotrebného spotrebného materiálu a náhradných dielov,</t>
  </si>
  <si>
    <t>dodávky a zabudovanie náhradných dielov, ktoré sú potrebné k riadnej a bezporuchovej prevádzke zariadnia, vrátane demontáže, odvozu a likvidácie použitého a nepotrebného spotrebného materiálu, náplní a náhradných dielov,</t>
  </si>
  <si>
    <t>14.5.</t>
  </si>
  <si>
    <t>vykonanie validácií a kalibrácií prístroja (resp. jeho relevantných častí) s perididicitou podľa odporučenia výrobcu prístroja, min. však jedenkrát ročne,</t>
  </si>
  <si>
    <t>vykonanie validácií a kalibrácií zariadenia (resp. jeho relevantných častí) s perididicitou podľa odporučenia výrobcu zariadenia, min. však jedenkrát ročne,</t>
  </si>
  <si>
    <t>14.6.</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14.7.</t>
  </si>
  <si>
    <t>vykonanie ďalších servisných úkonov a činností predpísaných príslušnou právnou úpravou a aplikovateľnými normami,</t>
  </si>
  <si>
    <t>14.8.</t>
  </si>
  <si>
    <t>práce (servisné hodiny) a dojazdy servisných technikov dodávateľa do miesta inštalácie prístroja v rámci zabezpečenia záručného servisu,</t>
  </si>
  <si>
    <t>práce (servisné hodiny) a dojazdy servisných technikov dodávateľa do miesta inštalácie zariadenia v rámci zabezpečenia záručného servisu,</t>
  </si>
  <si>
    <t>14.9.</t>
  </si>
  <si>
    <t>vykonanie akýchkoľvek neplánovaných opráv a údržby, ktoré nevyplývajú zo servisného plánu výrobcu prístroja, ak takáto oprava je nevyhnutná za účelom zabezpečenia prevádzky prístroja, vrátane generálnej opravy,</t>
  </si>
  <si>
    <t>vykonanie akýchkoľvek neplánovaných opráv a údržby, ktoré nevyplývajú zo servisného plánu výrobcu zariadenia, ak takáto oprava je nevyhnutná za účelom zabezpečenia prevádzky zariadenia, vrátane generálnej opravy,</t>
  </si>
  <si>
    <t>14.10.</t>
  </si>
  <si>
    <t xml:space="preserve">technická telefonická podpora v pracovných dňoch v rozsahu podľa bodu 13 tejto časti, a zároveň poradenstvo pri prevádzkovaní prístroja prostredníctvom klientského pracoviska dodávateľa 24 hodín denne a 7 dní v týždni, pričom dodávateľ musí garantovať funkčnosť a prevádzku tohto klientskeho pracoviska. </t>
  </si>
  <si>
    <t xml:space="preserve">technická telefonická podpora v pracovných dňoch v rozsahu podľa bodu 13 tejto časti, a zároveň poradenstvo pri prevádzkovaní zariadenia prostredníctvom klientského pracoviska dodávateľa 24 hodín denne a 7 dní v týždni, pričom dodávateľ musí garantovať funkčnosť a prevádzku tohto klientskeho pracoviska. </t>
  </si>
  <si>
    <t>15.</t>
  </si>
  <si>
    <t xml:space="preserve">Servisný technik dodávateľa je povinný nastúpiť na odstránenie vady v mieste inštalácie prístroja do dvadsiatichštyroch (24) hodín od nahlásenia v pracovný deň medzi 7:00 a 16:00 hod., resp. do 12:00 hod. nasledujúceho pracovného dňa, pokiaľ vada bola nahlásená po 16:00 hod. pracovného dňa alebo počas mimopracovného dňa. </t>
  </si>
  <si>
    <t xml:space="preserve">Servisný technik dodávateľa je povinný nastúpiť na odstránenie vady v mieste inštalácie zariadenia do dvadsiatichštyroch (24) hodín od nahlásenia v pracovný deň medzi 7:00 a 16:00 hod., resp. do 12:00 hod. nasledujúceho pracovného dňa, pokiaľ vada bola nahlásená po 16:00 hod. pracovného dňa alebo počas mimopracovného dňa. </t>
  </si>
  <si>
    <t>15.1.</t>
  </si>
  <si>
    <t>V prípade, ak odstránenie vady nevyžaduje príchod servisného technika dodávateľa do miesta inštalácie prístroj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V prípade, ak odstránenie vady nevyžaduje príchod servisného technika dodávateľa do miesta inštalácie zariadeni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16.</t>
  </si>
  <si>
    <t>Dodávateľ je povinný počas trvania záručnej doby odstrániť vady v nasledujúcich lehotách od nástupu na opravu:</t>
  </si>
  <si>
    <t>16.1.</t>
  </si>
  <si>
    <t>oprava vady, pri ktorej nie je potrebná dodávka náhradného dielu najneskôr do štyridsiatichôsmich (48) hodín,</t>
  </si>
  <si>
    <t>16.2.</t>
  </si>
  <si>
    <t>oprava vady s dodávkou náhradného dielu najneskôr do sedemdesiatichdvoch (72) hodín.</t>
  </si>
  <si>
    <t>17.</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7.1.</t>
  </si>
  <si>
    <t>nedodržanie lehoty príchodu servisného technika alebo nezačatie odstraňovania vady formou vzdialeného prístupu : 100,-€ (slovom: jednosto Eur) za každú začatú hodinu omeškania, najviac však do výšky 10% kúpnej ceny zariadenia a to pre každý jednotlivý prípad omeškania dodávateľa,</t>
  </si>
  <si>
    <t>17.2.</t>
  </si>
  <si>
    <t>nedodržanie dohodnutých lehôt na odstránenie vady i: 100,-€ (jednosto Eur) za každú začatú hodinu omeškania, najviac však do výšky 10% kúpnej ceny zariadenia a to  pre každý jednotlivý prípad omeškania dodávateľa.</t>
  </si>
  <si>
    <t>18.</t>
  </si>
  <si>
    <t xml:space="preserve">Objednávateľ je oprávnený vadu, ktorú zistí na prístroji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19.</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vyššie uvedenú emailovú adresu dodávateľa.</t>
  </si>
  <si>
    <t>20.</t>
  </si>
  <si>
    <t>Záruka sa nevzťahuje na vady, ktoré spôsobí objednávateľ neodbornou manipuláciou resp. používaním v rozpore s návodom na obsluhu. Záruka sa tiež nevzťahuje na vady, ktoré vzniknú v dôsledku živelnej pohromy, vyššej moci alebo vandalizmu.</t>
  </si>
  <si>
    <t>21.</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2.</t>
  </si>
  <si>
    <t>V prípade, ak sa po uzatvorení zmluvy preukáže, že na relevantnom trhu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v neprospech ceny podľa zmluvy, zaväzuje sa dodávateľ poskytnúť objednávateľovi pre takéto plnenie objednané po preukázaní tejto skutočnosti dodatočnú zľavu vo výške rozdielu medzi ním poskytovanou cenou podľa uzavretej zmluvy a nižšou cenou.</t>
  </si>
  <si>
    <t>23.</t>
  </si>
  <si>
    <t>2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25.</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26.</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7.</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28.</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Dodávateľ je povinný bezodkladne, najneskôr však do piatich (5) pracovných dní od preukázania skutočnosti uvedenej v bode 22. týchto zmluvných požiadaviek, doručiť objednávateľovi dodatok, predmetom, ktorého bude upravená cena zistená podľa bodu 22. týchto zmluvných požiadavie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nedodržanie dohodnutých lehôt na odstránenie vady: 50,-€ (päťdesiat Eur) za každú začatú hodinu omeškania, najviac však do výšky 10% kúpnej ceny prístroja, a to  pre každý jednotlivý prípad omeškania dodávateľa.</t>
  </si>
  <si>
    <t>nedodržanie lehoty príchodu servisného technika alebo nezačatie odstraňovania vady formou vzdialeného prístupu : 50,-€ (slovom: päťdesiat Eur) za každú začatú hodinu omeškania, najviac však do výšky 10% kúpnej ceny prístroja, a to pre každý jednotlivý prípad omeškania dodávateľa,</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20. tejto časti,</t>
  </si>
  <si>
    <r>
      <t xml:space="preserve">Požaduje sa v zmysle § 340b ods. 5 zákona č. 513/1991 Z.z. Obchodného zákonníka v znení neskorších predpisov splatnosť faktúry v lehote šesťdesiatich (60) kalendárnych dní odo dňa jej doručenia objednávateľovi. V prípade úhrady faktúry za dodanie zariadenia objednávateľom do štrnástich (14) kalendárnych dní odo dňa jej doručenia objednávateľovi, sa dodávateľ zaväzuje vystaviť dobropis vo výške ... %*  z faktúrovanej sumy.                                                                                                                                                                                        </t>
    </r>
    <r>
      <rPr>
        <sz val="9"/>
        <rFont val="Arial"/>
        <family val="2"/>
        <charset val="238"/>
      </rPr>
      <t>*V prípade, ak sa predávajúci rozhodne kupujúcemu poskytnúť zľavu za tzv. predčasnú úhradu (t. t. úhradu pred uplynutím lehoty splatnosti), uvedie výšku %, v akej bude zľava z fakturovanej sumy poskytnutá. Ak takúto zľavu predávajúci nechce poskytnúť, uvedie 0%.</t>
    </r>
  </si>
  <si>
    <t>51410000-9  - Inštalácia lekárskych zariadení</t>
  </si>
</sst>
</file>

<file path=xl/styles.xml><?xml version="1.0" encoding="utf-8"?>
<styleSheet xmlns="http://schemas.openxmlformats.org/spreadsheetml/2006/main" xmlns:mc="http://schemas.openxmlformats.org/markup-compatibility/2006" xmlns:x14ac="http://schemas.microsoft.com/office/spreadsheetml/2009/9/ac" mc:Ignorable="x14ac">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Calibri"/>
      <family val="2"/>
      <charset val="238"/>
      <scheme val="minor"/>
    </font>
    <font>
      <sz val="8"/>
      <color theme="1"/>
      <name val="Arial"/>
      <family val="2"/>
      <charset val="238"/>
    </font>
    <font>
      <sz val="9"/>
      <name val="Arial"/>
      <family val="2"/>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6" tint="0.79998168889431442"/>
        <bgColor indexed="64"/>
      </patternFill>
    </fill>
    <fill>
      <patternFill patternType="solid">
        <fgColor theme="7"/>
        <bgColor indexed="64"/>
      </patternFill>
    </fill>
  </fills>
  <borders count="6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right/>
      <top style="dotted">
        <color auto="1"/>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right style="thin">
        <color indexed="64"/>
      </right>
      <top style="thin">
        <color indexed="64"/>
      </top>
      <bottom style="medium">
        <color auto="1"/>
      </bottom>
      <diagonal/>
    </border>
    <border>
      <left/>
      <right/>
      <top style="thin">
        <color auto="1"/>
      </top>
      <bottom style="thin">
        <color auto="1"/>
      </bottom>
      <diagonal/>
    </border>
    <border>
      <left/>
      <right/>
      <top style="thin">
        <color auto="1"/>
      </top>
      <bottom style="medium">
        <color auto="1"/>
      </bottom>
      <diagonal/>
    </border>
    <border>
      <left style="medium">
        <color auto="1"/>
      </left>
      <right/>
      <top/>
      <bottom style="thin">
        <color auto="1"/>
      </bottom>
      <diagonal/>
    </border>
    <border>
      <left/>
      <right/>
      <top/>
      <bottom style="thin">
        <color auto="1"/>
      </bottom>
      <diagonal/>
    </border>
    <border>
      <left style="thin">
        <color indexed="64"/>
      </left>
      <right/>
      <top style="thin">
        <color auto="1"/>
      </top>
      <bottom style="medium">
        <color auto="1"/>
      </bottom>
      <diagonal/>
    </border>
    <border>
      <left/>
      <right style="thin">
        <color auto="1"/>
      </right>
      <top style="medium">
        <color indexed="64"/>
      </top>
      <bottom/>
      <diagonal/>
    </border>
    <border>
      <left/>
      <right style="thin">
        <color auto="1"/>
      </right>
      <top/>
      <bottom style="thin">
        <color auto="1"/>
      </bottom>
      <diagonal/>
    </border>
    <border>
      <left style="medium">
        <color auto="1"/>
      </left>
      <right/>
      <top style="thin">
        <color auto="1"/>
      </top>
      <bottom style="thin">
        <color auto="1"/>
      </bottom>
      <diagonal/>
    </border>
    <border>
      <left style="thin">
        <color auto="1"/>
      </left>
      <right style="dotted">
        <color auto="1"/>
      </right>
      <top style="dotted">
        <color auto="1"/>
      </top>
      <bottom/>
      <diagonal/>
    </border>
    <border>
      <left style="medium">
        <color indexed="64"/>
      </left>
      <right style="thin">
        <color auto="1"/>
      </right>
      <top style="medium">
        <color indexed="64"/>
      </top>
      <bottom style="thin">
        <color auto="1"/>
      </bottom>
      <diagonal/>
    </border>
    <border>
      <left style="thin">
        <color auto="1"/>
      </left>
      <right style="thin">
        <color auto="1"/>
      </right>
      <top style="thin">
        <color auto="1"/>
      </top>
      <bottom/>
      <diagonal/>
    </border>
    <border>
      <left/>
      <right style="medium">
        <color indexed="64"/>
      </right>
      <top style="thin">
        <color auto="1"/>
      </top>
      <bottom style="thin">
        <color auto="1"/>
      </bottom>
      <diagonal/>
    </border>
    <border>
      <left style="thin">
        <color auto="1"/>
      </left>
      <right style="thin">
        <color rgb="FFC00000"/>
      </right>
      <top style="thin">
        <color auto="1"/>
      </top>
      <bottom style="thin">
        <color auto="1"/>
      </bottom>
      <diagonal/>
    </border>
    <border>
      <left/>
      <right style="thin">
        <color rgb="FFC00000"/>
      </right>
      <top style="thin">
        <color auto="1"/>
      </top>
      <bottom style="thin">
        <color auto="1"/>
      </bottom>
      <diagonal/>
    </border>
    <border>
      <left style="thin">
        <color rgb="FFC00000"/>
      </left>
      <right style="thin">
        <color rgb="FFC00000"/>
      </right>
      <top style="thin">
        <color auto="1"/>
      </top>
      <bottom style="thin">
        <color auto="1"/>
      </bottom>
      <diagonal/>
    </border>
    <border>
      <left style="thin">
        <color rgb="FFC00000"/>
      </left>
      <right/>
      <top style="thin">
        <color auto="1"/>
      </top>
      <bottom style="thin">
        <color auto="1"/>
      </bottom>
      <diagonal/>
    </border>
    <border>
      <left style="medium">
        <color indexed="64"/>
      </left>
      <right/>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thin">
        <color auto="1"/>
      </left>
      <right/>
      <top style="thin">
        <color auto="1"/>
      </top>
      <bottom style="dotted">
        <color auto="1"/>
      </bottom>
      <diagonal/>
    </border>
    <border>
      <left/>
      <right/>
      <top style="thin">
        <color auto="1"/>
      </top>
      <bottom style="dotted">
        <color indexed="64"/>
      </bottom>
      <diagonal/>
    </border>
    <border>
      <left/>
      <right style="thin">
        <color auto="1"/>
      </right>
      <top style="thin">
        <color auto="1"/>
      </top>
      <bottom style="dotted">
        <color indexed="64"/>
      </bottom>
      <diagonal/>
    </border>
    <border>
      <left style="thin">
        <color auto="1"/>
      </left>
      <right/>
      <top style="dotted">
        <color indexed="64"/>
      </top>
      <bottom style="dotted">
        <color indexed="64"/>
      </bottom>
      <diagonal/>
    </border>
    <border>
      <left/>
      <right/>
      <top style="dotted">
        <color indexed="64"/>
      </top>
      <bottom style="dotted">
        <color indexed="64"/>
      </bottom>
      <diagonal/>
    </border>
    <border>
      <left/>
      <right style="thin">
        <color auto="1"/>
      </right>
      <top style="dotted">
        <color indexed="64"/>
      </top>
      <bottom style="dotted">
        <color indexed="64"/>
      </bottom>
      <diagonal/>
    </border>
    <border>
      <left style="medium">
        <color auto="1"/>
      </left>
      <right style="thin">
        <color auto="1"/>
      </right>
      <top style="dotted">
        <color auto="1"/>
      </top>
      <bottom style="thin">
        <color indexed="64"/>
      </bottom>
      <diagonal/>
    </border>
    <border>
      <left style="thin">
        <color auto="1"/>
      </left>
      <right/>
      <top style="dotted">
        <color auto="1"/>
      </top>
      <bottom style="thin">
        <color auto="1"/>
      </bottom>
      <diagonal/>
    </border>
    <border>
      <left/>
      <right/>
      <top style="dotted">
        <color auto="1"/>
      </top>
      <bottom style="thin">
        <color auto="1"/>
      </bottom>
      <diagonal/>
    </border>
    <border>
      <left/>
      <right style="thin">
        <color auto="1"/>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64">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1" xfId="0" applyFont="1" applyBorder="1" applyAlignment="1">
      <alignment vertical="center" wrapText="1"/>
    </xf>
    <xf numFmtId="0" fontId="2" fillId="0" borderId="11" xfId="0" applyFont="1" applyFill="1" applyBorder="1" applyAlignment="1">
      <alignment horizontal="center" vertical="center" wrapText="1"/>
    </xf>
    <xf numFmtId="0" fontId="2" fillId="3" borderId="11" xfId="0" applyFont="1" applyFill="1" applyBorder="1" applyAlignment="1">
      <alignment horizontal="left" vertical="top" wrapText="1"/>
    </xf>
    <xf numFmtId="0" fontId="2" fillId="3" borderId="11"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0"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1" xfId="5" applyFont="1" applyFill="1" applyBorder="1" applyAlignment="1">
      <alignment horizontal="right" vertical="center" wrapText="1"/>
    </xf>
    <xf numFmtId="0" fontId="7" fillId="0" borderId="11" xfId="0" applyNumberFormat="1" applyFont="1" applyBorder="1" applyAlignment="1">
      <alignment horizontal="center" vertical="center" wrapText="1"/>
    </xf>
    <xf numFmtId="0" fontId="7" fillId="0" borderId="22" xfId="0" applyNumberFormat="1" applyFont="1" applyBorder="1" applyAlignment="1">
      <alignment horizontal="center" vertical="center" wrapText="1"/>
    </xf>
    <xf numFmtId="0" fontId="13" fillId="0" borderId="11" xfId="0" applyFont="1" applyBorder="1" applyAlignment="1">
      <alignment horizontal="center" vertical="center" wrapText="1"/>
    </xf>
    <xf numFmtId="49" fontId="5" fillId="5" borderId="14" xfId="0" applyNumberFormat="1" applyFont="1" applyFill="1" applyBorder="1" applyAlignment="1">
      <alignment vertical="center" wrapText="1"/>
    </xf>
    <xf numFmtId="49" fontId="5" fillId="5" borderId="10" xfId="0" applyNumberFormat="1" applyFont="1" applyFill="1" applyBorder="1" applyAlignment="1">
      <alignment vertical="center" wrapText="1"/>
    </xf>
    <xf numFmtId="0" fontId="7" fillId="0" borderId="0" xfId="0" applyFont="1" applyAlignment="1">
      <alignment horizontal="right" vertical="top" wrapText="1"/>
    </xf>
    <xf numFmtId="0" fontId="7" fillId="0" borderId="5"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16" fontId="5" fillId="0" borderId="0" xfId="0" applyNumberFormat="1" applyFont="1" applyFill="1" applyAlignment="1">
      <alignment horizontal="left"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8" fillId="0" borderId="0" xfId="0" applyFont="1" applyFill="1" applyAlignment="1">
      <alignment horizontal="left"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4" xfId="0" applyFont="1" applyBorder="1" applyAlignment="1">
      <alignment vertical="center"/>
    </xf>
    <xf numFmtId="0" fontId="4" fillId="0" borderId="11" xfId="0" applyFont="1" applyBorder="1" applyAlignment="1">
      <alignment vertical="center" wrapText="1"/>
    </xf>
    <xf numFmtId="0" fontId="4" fillId="0" borderId="11" xfId="0" applyFont="1" applyBorder="1" applyAlignment="1">
      <alignment horizontal="left" vertical="center" wrapText="1"/>
    </xf>
    <xf numFmtId="0" fontId="11" fillId="0" borderId="0" xfId="0" applyNumberFormat="1" applyFont="1" applyBorder="1" applyAlignment="1">
      <alignment vertical="center" wrapText="1"/>
    </xf>
    <xf numFmtId="0" fontId="7" fillId="0" borderId="0" xfId="0" applyNumberFormat="1" applyFont="1" applyBorder="1" applyAlignment="1">
      <alignment vertical="center" wrapText="1"/>
    </xf>
    <xf numFmtId="49" fontId="4" fillId="0" borderId="11" xfId="0" applyNumberFormat="1" applyFont="1" applyBorder="1" applyAlignment="1">
      <alignment horizontal="left" vertical="center" wrapText="1"/>
    </xf>
    <xf numFmtId="49" fontId="4" fillId="0" borderId="25" xfId="0" applyNumberFormat="1" applyFont="1" applyBorder="1" applyAlignment="1">
      <alignment horizontal="left" vertical="center" wrapText="1"/>
    </xf>
    <xf numFmtId="49" fontId="4" fillId="0" borderId="29" xfId="0" applyNumberFormat="1" applyFont="1" applyBorder="1" applyAlignment="1">
      <alignment horizontal="left" vertical="center" wrapText="1"/>
    </xf>
    <xf numFmtId="0" fontId="4" fillId="0" borderId="25" xfId="0" applyFont="1" applyBorder="1" applyAlignment="1">
      <alignment horizontal="left" vertical="center" wrapText="1"/>
    </xf>
    <xf numFmtId="16" fontId="2" fillId="0" borderId="7" xfId="0" applyNumberFormat="1" applyFont="1" applyBorder="1" applyAlignment="1">
      <alignment horizontal="center" vertical="center"/>
    </xf>
    <xf numFmtId="0" fontId="4" fillId="0" borderId="4" xfId="0" applyFont="1" applyBorder="1" applyAlignment="1">
      <alignment vertical="center" wrapText="1"/>
    </xf>
    <xf numFmtId="49" fontId="4" fillId="0" borderId="25" xfId="0" applyNumberFormat="1" applyFont="1" applyBorder="1" applyAlignment="1">
      <alignment vertical="center" wrapText="1"/>
    </xf>
    <xf numFmtId="49" fontId="5" fillId="0" borderId="11" xfId="0" applyNumberFormat="1" applyFont="1" applyFill="1" applyBorder="1" applyAlignment="1">
      <alignment vertical="center" wrapText="1"/>
    </xf>
    <xf numFmtId="0" fontId="4" fillId="0" borderId="4" xfId="0" applyFont="1" applyFill="1" applyBorder="1" applyAlignment="1">
      <alignment vertical="center" wrapText="1"/>
    </xf>
    <xf numFmtId="0" fontId="3" fillId="0" borderId="11" xfId="0" applyFont="1" applyBorder="1" applyAlignment="1">
      <alignment vertical="center"/>
    </xf>
    <xf numFmtId="0" fontId="4" fillId="6" borderId="11" xfId="0" applyFont="1" applyFill="1" applyBorder="1" applyAlignment="1">
      <alignment vertical="center" wrapText="1"/>
    </xf>
    <xf numFmtId="0" fontId="4" fillId="0" borderId="11" xfId="0" applyFont="1" applyFill="1" applyBorder="1" applyAlignment="1">
      <alignment vertical="center" wrapText="1"/>
    </xf>
    <xf numFmtId="49" fontId="4" fillId="0" borderId="11" xfId="0" applyNumberFormat="1" applyFont="1" applyBorder="1" applyAlignment="1">
      <alignment vertical="center" wrapText="1"/>
    </xf>
    <xf numFmtId="0" fontId="10" fillId="0" borderId="11" xfId="0" applyFont="1" applyBorder="1" applyAlignment="1">
      <alignment horizontal="left" vertical="center" wrapText="1"/>
    </xf>
    <xf numFmtId="16" fontId="3" fillId="0" borderId="11" xfId="0" applyNumberFormat="1" applyFont="1" applyBorder="1" applyAlignment="1">
      <alignment vertical="center"/>
    </xf>
    <xf numFmtId="49" fontId="5" fillId="7" borderId="11" xfId="0" applyNumberFormat="1" applyFont="1" applyFill="1" applyBorder="1" applyAlignment="1">
      <alignment vertical="center" wrapText="1"/>
    </xf>
    <xf numFmtId="0" fontId="7" fillId="0" borderId="24" xfId="0" applyNumberFormat="1" applyFont="1" applyBorder="1" applyAlignment="1">
      <alignment horizontal="center" vertical="center" wrapText="1"/>
    </xf>
    <xf numFmtId="0" fontId="2" fillId="0" borderId="0" xfId="0" applyFont="1" applyFill="1" applyBorder="1" applyAlignment="1">
      <alignment vertical="center" wrapText="1"/>
    </xf>
    <xf numFmtId="0" fontId="4" fillId="0" borderId="0" xfId="0" applyFont="1" applyFill="1" applyBorder="1" applyAlignment="1">
      <alignment horizontal="left" vertical="center" wrapText="1"/>
    </xf>
    <xf numFmtId="0" fontId="2" fillId="0" borderId="0" xfId="0" applyFont="1" applyFill="1" applyBorder="1" applyAlignment="1">
      <alignment horizontal="center" vertical="center" wrapText="1"/>
    </xf>
    <xf numFmtId="0" fontId="13" fillId="0" borderId="0" xfId="0" applyFont="1" applyFill="1" applyBorder="1" applyAlignment="1">
      <alignment horizontal="center" vertical="center" wrapText="1"/>
    </xf>
    <xf numFmtId="49" fontId="2" fillId="0" borderId="7" xfId="0" applyNumberFormat="1" applyFont="1" applyFill="1" applyBorder="1" applyAlignment="1">
      <alignment vertical="center" wrapText="1"/>
    </xf>
    <xf numFmtId="0" fontId="7" fillId="0" borderId="35" xfId="0" applyNumberFormat="1" applyFont="1" applyBorder="1" applyAlignment="1">
      <alignment horizontal="center" vertical="center" wrapText="1"/>
    </xf>
    <xf numFmtId="49" fontId="2" fillId="0" borderId="7" xfId="0" applyNumberFormat="1" applyFont="1" applyFill="1" applyBorder="1" applyAlignment="1">
      <alignment horizontal="left" vertical="center" wrapText="1"/>
    </xf>
    <xf numFmtId="0" fontId="4" fillId="0" borderId="25" xfId="0" applyFont="1" applyBorder="1" applyAlignment="1">
      <alignment horizontal="left" vertical="center" wrapText="1"/>
    </xf>
    <xf numFmtId="0" fontId="4" fillId="0" borderId="25" xfId="0" applyFont="1" applyBorder="1" applyAlignment="1">
      <alignment horizontal="left" vertical="center" wrapText="1"/>
    </xf>
    <xf numFmtId="16" fontId="2" fillId="0" borderId="5" xfId="0" applyNumberFormat="1" applyFont="1" applyBorder="1" applyAlignment="1">
      <alignment horizontal="center" vertical="center"/>
    </xf>
    <xf numFmtId="49" fontId="2" fillId="0" borderId="4" xfId="0" applyNumberFormat="1" applyFont="1" applyBorder="1" applyAlignment="1">
      <alignment horizontal="left" vertical="center" wrapText="1"/>
    </xf>
    <xf numFmtId="49" fontId="2" fillId="0" borderId="36" xfId="0" applyNumberFormat="1" applyFont="1" applyBorder="1" applyAlignment="1">
      <alignment horizontal="left" vertical="center" wrapText="1"/>
    </xf>
    <xf numFmtId="16" fontId="2" fillId="0" borderId="11" xfId="0" applyNumberFormat="1" applyFont="1" applyBorder="1" applyAlignment="1">
      <alignment horizontal="left" vertical="center"/>
    </xf>
    <xf numFmtId="49" fontId="4" fillId="0" borderId="11" xfId="0" applyNumberFormat="1" applyFont="1" applyFill="1" applyBorder="1" applyAlignment="1">
      <alignment vertical="center" wrapText="1"/>
    </xf>
    <xf numFmtId="16" fontId="2" fillId="0" borderId="11" xfId="0" applyNumberFormat="1" applyFont="1" applyBorder="1" applyAlignment="1">
      <alignment vertical="center"/>
    </xf>
    <xf numFmtId="0" fontId="2" fillId="0" borderId="11" xfId="0" applyFont="1" applyBorder="1" applyAlignment="1">
      <alignment horizontal="center" vertical="center"/>
    </xf>
    <xf numFmtId="16" fontId="2" fillId="0" borderId="11" xfId="0" applyNumberFormat="1" applyFont="1" applyBorder="1" applyAlignment="1">
      <alignment horizontal="center" vertical="center"/>
    </xf>
    <xf numFmtId="10" fontId="4" fillId="0" borderId="11" xfId="0" applyNumberFormat="1" applyFont="1" applyBorder="1" applyAlignment="1">
      <alignment horizontal="left" vertical="center" wrapText="1"/>
    </xf>
    <xf numFmtId="49" fontId="2" fillId="0" borderId="7" xfId="0" applyNumberFormat="1" applyFont="1" applyBorder="1" applyAlignment="1">
      <alignment horizontal="center" vertical="center"/>
    </xf>
    <xf numFmtId="0" fontId="4" fillId="0" borderId="25" xfId="0" applyFont="1" applyBorder="1" applyAlignment="1">
      <alignment horizontal="left" vertical="center" wrapText="1"/>
    </xf>
    <xf numFmtId="0" fontId="7" fillId="5" borderId="5" xfId="0" applyNumberFormat="1" applyFont="1" applyFill="1" applyBorder="1" applyAlignment="1">
      <alignment horizontal="center" vertical="center" wrapText="1"/>
    </xf>
    <xf numFmtId="0" fontId="7" fillId="0" borderId="38" xfId="0" applyNumberFormat="1" applyFont="1" applyBorder="1" applyAlignment="1">
      <alignment horizontal="center" vertical="center" wrapText="1"/>
    </xf>
    <xf numFmtId="0" fontId="7" fillId="5" borderId="38" xfId="0" applyNumberFormat="1" applyFont="1" applyFill="1" applyBorder="1" applyAlignment="1">
      <alignment horizontal="center" vertical="center" wrapText="1"/>
    </xf>
    <xf numFmtId="0" fontId="4" fillId="0" borderId="37" xfId="0" applyFont="1" applyFill="1" applyBorder="1" applyAlignment="1">
      <alignment vertical="center" wrapText="1"/>
    </xf>
    <xf numFmtId="0" fontId="4" fillId="5" borderId="11" xfId="0" applyFont="1" applyFill="1" applyBorder="1" applyAlignment="1">
      <alignment vertical="center" wrapText="1"/>
    </xf>
    <xf numFmtId="0" fontId="4" fillId="5" borderId="37" xfId="0" applyFont="1" applyFill="1" applyBorder="1" applyAlignment="1">
      <alignment vertical="center" wrapText="1"/>
    </xf>
    <xf numFmtId="0" fontId="7" fillId="5" borderId="39" xfId="0" applyNumberFormat="1" applyFont="1" applyFill="1" applyBorder="1" applyAlignment="1">
      <alignment horizontal="center" vertical="center" wrapText="1"/>
    </xf>
    <xf numFmtId="0" fontId="7" fillId="0" borderId="25" xfId="0" applyNumberFormat="1" applyFont="1" applyBorder="1" applyAlignment="1">
      <alignment horizontal="center" vertical="center" wrapText="1"/>
    </xf>
    <xf numFmtId="16" fontId="2" fillId="0" borderId="40" xfId="0" applyNumberFormat="1" applyFont="1" applyBorder="1" applyAlignment="1">
      <alignment horizontal="center" vertical="center"/>
    </xf>
    <xf numFmtId="0" fontId="2" fillId="5" borderId="11" xfId="0" applyFont="1" applyFill="1" applyBorder="1" applyAlignment="1">
      <alignment vertical="center"/>
    </xf>
    <xf numFmtId="0" fontId="3" fillId="5" borderId="11" xfId="0" applyFont="1" applyFill="1" applyBorder="1" applyAlignment="1">
      <alignment vertical="center"/>
    </xf>
    <xf numFmtId="0" fontId="4" fillId="5" borderId="11" xfId="0" applyFont="1" applyFill="1" applyBorder="1" applyAlignment="1">
      <alignment horizontal="left" vertical="center" wrapText="1"/>
    </xf>
    <xf numFmtId="49" fontId="4" fillId="5" borderId="11" xfId="0" applyNumberFormat="1" applyFont="1" applyFill="1" applyBorder="1" applyAlignment="1">
      <alignment vertical="center" wrapText="1"/>
    </xf>
    <xf numFmtId="49" fontId="5" fillId="5" borderId="11" xfId="0" applyNumberFormat="1" applyFont="1" applyFill="1" applyBorder="1" applyAlignment="1">
      <alignment vertical="center" wrapText="1"/>
    </xf>
    <xf numFmtId="0" fontId="10" fillId="5" borderId="11" xfId="0" applyFont="1" applyFill="1" applyBorder="1" applyAlignment="1">
      <alignment horizontal="left" vertical="center" wrapText="1"/>
    </xf>
    <xf numFmtId="49" fontId="4" fillId="5" borderId="11" xfId="0" applyNumberFormat="1" applyFont="1" applyFill="1" applyBorder="1" applyAlignment="1">
      <alignment horizontal="left" vertical="center" wrapText="1"/>
    </xf>
    <xf numFmtId="49" fontId="2" fillId="0" borderId="7" xfId="0" applyNumberFormat="1" applyFont="1" applyFill="1" applyBorder="1" applyAlignment="1">
      <alignment horizontal="center" vertical="center" wrapText="1"/>
    </xf>
    <xf numFmtId="0" fontId="4" fillId="0" borderId="25" xfId="0" applyFont="1" applyFill="1" applyBorder="1" applyAlignment="1">
      <alignment horizontal="left" vertical="center" wrapText="1"/>
    </xf>
    <xf numFmtId="49" fontId="3" fillId="2" borderId="15" xfId="0" applyNumberFormat="1" applyFont="1" applyFill="1" applyBorder="1" applyAlignment="1">
      <alignment horizontal="left" vertical="top" wrapText="1"/>
    </xf>
    <xf numFmtId="49" fontId="2" fillId="2" borderId="11" xfId="0" applyNumberFormat="1" applyFont="1" applyFill="1" applyBorder="1" applyAlignment="1">
      <alignment horizontal="center" vertical="center" wrapText="1"/>
    </xf>
    <xf numFmtId="16" fontId="2" fillId="0" borderId="11" xfId="0" applyNumberFormat="1" applyFont="1" applyFill="1" applyBorder="1" applyAlignment="1">
      <alignment horizontal="left" vertical="center" wrapText="1"/>
    </xf>
    <xf numFmtId="49" fontId="2" fillId="0" borderId="25" xfId="0" applyNumberFormat="1" applyFont="1" applyFill="1" applyBorder="1" applyAlignment="1">
      <alignment horizontal="center" vertical="center" wrapText="1"/>
    </xf>
    <xf numFmtId="49" fontId="2" fillId="0" borderId="36" xfId="0" applyNumberFormat="1" applyFont="1" applyFill="1" applyBorder="1" applyAlignment="1">
      <alignment horizontal="center" vertical="center" wrapText="1"/>
    </xf>
    <xf numFmtId="49" fontId="2" fillId="0" borderId="4" xfId="0" applyNumberFormat="1" applyFont="1" applyFill="1" applyBorder="1" applyAlignment="1">
      <alignment horizontal="left" vertical="center" wrapText="1"/>
    </xf>
    <xf numFmtId="49" fontId="2" fillId="0" borderId="36" xfId="0" applyNumberFormat="1" applyFont="1" applyFill="1" applyBorder="1" applyAlignment="1">
      <alignment horizontal="left" vertical="center" wrapText="1"/>
    </xf>
    <xf numFmtId="16" fontId="2" fillId="0" borderId="11" xfId="0" applyNumberFormat="1" applyFont="1" applyFill="1" applyBorder="1" applyAlignment="1">
      <alignment horizontal="center" vertical="center"/>
    </xf>
    <xf numFmtId="16" fontId="2" fillId="0" borderId="5" xfId="0" applyNumberFormat="1" applyFont="1" applyFill="1" applyBorder="1" applyAlignment="1">
      <alignment horizontal="center" vertical="center"/>
    </xf>
    <xf numFmtId="16" fontId="2" fillId="0" borderId="4" xfId="0" applyNumberFormat="1" applyFont="1" applyFill="1" applyBorder="1" applyAlignment="1">
      <alignment horizontal="left" vertical="center" wrapText="1"/>
    </xf>
    <xf numFmtId="49" fontId="2" fillId="0" borderId="4" xfId="0" applyNumberFormat="1" applyFont="1" applyFill="1" applyBorder="1" applyAlignment="1">
      <alignment horizontal="center" vertical="center" wrapText="1"/>
    </xf>
    <xf numFmtId="49" fontId="2" fillId="0" borderId="11" xfId="0" applyNumberFormat="1" applyFont="1" applyBorder="1" applyAlignment="1">
      <alignment horizontal="center" vertical="center"/>
    </xf>
    <xf numFmtId="49" fontId="2" fillId="0" borderId="0" xfId="0" applyNumberFormat="1" applyFont="1" applyAlignment="1">
      <alignment vertical="center"/>
    </xf>
    <xf numFmtId="49" fontId="2" fillId="0" borderId="11" xfId="0" applyNumberFormat="1" applyFont="1" applyBorder="1" applyAlignment="1">
      <alignment horizontal="left" vertical="center"/>
    </xf>
    <xf numFmtId="16" fontId="2" fillId="0" borderId="25" xfId="0" applyNumberFormat="1" applyFont="1" applyBorder="1" applyAlignment="1">
      <alignment horizontal="center" vertical="center"/>
    </xf>
    <xf numFmtId="49" fontId="2" fillId="0" borderId="7" xfId="0" applyNumberFormat="1" applyFont="1" applyFill="1" applyBorder="1" applyAlignment="1">
      <alignment horizontal="center" vertical="center"/>
    </xf>
    <xf numFmtId="49" fontId="4" fillId="0" borderId="12" xfId="0" applyNumberFormat="1" applyFont="1" applyFill="1" applyBorder="1" applyAlignment="1">
      <alignment horizontal="center" vertical="center"/>
    </xf>
    <xf numFmtId="49" fontId="4" fillId="0" borderId="26" xfId="0" applyNumberFormat="1" applyFont="1" applyFill="1" applyBorder="1" applyAlignment="1">
      <alignment horizontal="left" vertical="center" wrapText="1"/>
    </xf>
    <xf numFmtId="0" fontId="2" fillId="8" borderId="11" xfId="0" applyFont="1" applyFill="1" applyBorder="1" applyAlignment="1">
      <alignment vertical="center" wrapText="1"/>
    </xf>
    <xf numFmtId="49" fontId="3" fillId="2" borderId="0" xfId="0" applyNumberFormat="1" applyFont="1" applyFill="1" applyBorder="1" applyAlignment="1">
      <alignment horizontal="left" vertical="top" wrapText="1"/>
    </xf>
    <xf numFmtId="49" fontId="2" fillId="2" borderId="33" xfId="0" applyNumberFormat="1" applyFont="1" applyFill="1" applyBorder="1" applyAlignment="1">
      <alignment horizontal="center" vertical="center" wrapText="1"/>
    </xf>
    <xf numFmtId="49" fontId="2" fillId="0" borderId="12" xfId="0" applyNumberFormat="1" applyFont="1" applyFill="1" applyBorder="1" applyAlignment="1">
      <alignment horizontal="center" vertical="center" wrapText="1"/>
    </xf>
    <xf numFmtId="49" fontId="2" fillId="5" borderId="4" xfId="0" applyNumberFormat="1" applyFont="1" applyFill="1" applyBorder="1" applyAlignment="1">
      <alignment horizontal="left" vertical="center" wrapText="1"/>
    </xf>
    <xf numFmtId="49" fontId="2" fillId="5" borderId="36" xfId="0" applyNumberFormat="1" applyFont="1" applyFill="1" applyBorder="1" applyAlignment="1">
      <alignment horizontal="left" vertical="center" wrapText="1"/>
    </xf>
    <xf numFmtId="49" fontId="2" fillId="0" borderId="34" xfId="0" applyNumberFormat="1" applyFont="1" applyBorder="1" applyAlignment="1">
      <alignment vertical="center" wrapText="1"/>
    </xf>
    <xf numFmtId="49" fontId="2" fillId="6" borderId="44" xfId="0" applyNumberFormat="1" applyFont="1" applyFill="1" applyBorder="1" applyAlignment="1">
      <alignment vertical="center" wrapText="1"/>
    </xf>
    <xf numFmtId="49" fontId="2" fillId="6" borderId="45" xfId="0" applyNumberFormat="1" applyFont="1" applyFill="1" applyBorder="1" applyAlignment="1">
      <alignment horizontal="center" vertical="center" wrapText="1"/>
    </xf>
    <xf numFmtId="49" fontId="2" fillId="6" borderId="52" xfId="0" applyNumberFormat="1" applyFont="1" applyFill="1" applyBorder="1" applyAlignment="1">
      <alignment horizontal="center" vertical="center" wrapText="1"/>
    </xf>
    <xf numFmtId="49" fontId="2" fillId="0" borderId="56" xfId="0" applyNumberFormat="1" applyFont="1" applyFill="1" applyBorder="1" applyAlignment="1">
      <alignment vertical="center" wrapText="1"/>
    </xf>
    <xf numFmtId="49" fontId="2" fillId="0" borderId="11" xfId="0" applyNumberFormat="1" applyFont="1" applyFill="1" applyBorder="1" applyAlignment="1">
      <alignment vertical="center" wrapText="1"/>
    </xf>
    <xf numFmtId="49" fontId="2" fillId="0" borderId="57" xfId="0" applyNumberFormat="1" applyFont="1" applyFill="1" applyBorder="1" applyAlignment="1">
      <alignment vertical="center" wrapText="1"/>
    </xf>
    <xf numFmtId="49" fontId="2" fillId="0" borderId="58" xfId="0" applyNumberFormat="1" applyFont="1" applyFill="1" applyBorder="1" applyAlignment="1">
      <alignment vertical="center" wrapText="1"/>
    </xf>
    <xf numFmtId="49" fontId="2" fillId="0" borderId="45" xfId="0" applyNumberFormat="1" applyFont="1" applyFill="1" applyBorder="1" applyAlignment="1">
      <alignment horizontal="center" vertical="center" wrapText="1"/>
    </xf>
    <xf numFmtId="49" fontId="2" fillId="0" borderId="59" xfId="0" applyNumberFormat="1" applyFont="1" applyFill="1" applyBorder="1" applyAlignment="1">
      <alignment horizontal="center" vertical="center" wrapText="1"/>
    </xf>
    <xf numFmtId="49" fontId="2" fillId="0" borderId="44" xfId="0" applyNumberFormat="1" applyFont="1" applyFill="1" applyBorder="1" applyAlignment="1">
      <alignment vertical="center" wrapText="1"/>
    </xf>
    <xf numFmtId="49" fontId="2" fillId="6" borderId="59" xfId="0" applyNumberFormat="1" applyFont="1" applyFill="1" applyBorder="1" applyAlignment="1">
      <alignment horizontal="center" vertical="center" wrapText="1"/>
    </xf>
    <xf numFmtId="49" fontId="2" fillId="6" borderId="7" xfId="0" applyNumberFormat="1" applyFont="1" applyFill="1" applyBorder="1" applyAlignment="1">
      <alignment vertical="center" wrapText="1"/>
    </xf>
    <xf numFmtId="49" fontId="2" fillId="6" borderId="7" xfId="0" applyNumberFormat="1" applyFont="1" applyFill="1" applyBorder="1" applyAlignment="1">
      <alignment horizontal="center" vertical="center" wrapText="1"/>
    </xf>
    <xf numFmtId="0" fontId="4" fillId="0" borderId="0" xfId="0" applyFont="1" applyFill="1" applyAlignment="1">
      <alignment horizontal="left" vertical="top" wrapText="1"/>
    </xf>
    <xf numFmtId="0" fontId="3" fillId="0" borderId="41" xfId="0" applyFont="1" applyFill="1" applyBorder="1" applyAlignment="1">
      <alignment horizontal="center" vertical="center" wrapText="1"/>
    </xf>
    <xf numFmtId="0" fontId="3" fillId="0" borderId="0" xfId="0" applyFont="1" applyFill="1" applyBorder="1" applyAlignment="1">
      <alignment horizontal="center" vertical="center" wrapText="1"/>
    </xf>
    <xf numFmtId="49" fontId="2" fillId="0" borderId="11"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2" fillId="0" borderId="11"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6" borderId="11" xfId="0" applyFont="1" applyFill="1" applyBorder="1" applyAlignment="1">
      <alignment horizontal="left" vertical="center" wrapText="1"/>
    </xf>
    <xf numFmtId="0" fontId="2" fillId="6" borderId="9" xfId="0" applyFont="1" applyFill="1" applyBorder="1" applyAlignment="1">
      <alignment horizontal="left" vertical="center" wrapText="1"/>
    </xf>
    <xf numFmtId="16" fontId="3" fillId="5" borderId="32" xfId="0" applyNumberFormat="1" applyFont="1" applyFill="1" applyBorder="1" applyAlignment="1">
      <alignment horizontal="left" vertical="center"/>
    </xf>
    <xf numFmtId="16" fontId="3" fillId="5" borderId="5" xfId="0" applyNumberFormat="1" applyFont="1" applyFill="1" applyBorder="1" applyAlignment="1">
      <alignment horizontal="left" vertical="center"/>
    </xf>
    <xf numFmtId="49" fontId="3" fillId="5" borderId="32" xfId="0" applyNumberFormat="1" applyFont="1" applyFill="1" applyBorder="1" applyAlignment="1">
      <alignment horizontal="left" vertical="center"/>
    </xf>
    <xf numFmtId="49" fontId="3" fillId="5" borderId="5" xfId="0" applyNumberFormat="1" applyFont="1" applyFill="1" applyBorder="1" applyAlignment="1">
      <alignment horizontal="left" vertical="center"/>
    </xf>
    <xf numFmtId="0" fontId="15" fillId="6" borderId="11" xfId="0" applyFont="1" applyFill="1" applyBorder="1" applyAlignment="1">
      <alignment horizontal="left" vertical="center" wrapText="1"/>
    </xf>
    <xf numFmtId="0" fontId="15" fillId="6" borderId="9" xfId="0" applyFont="1" applyFill="1" applyBorder="1" applyAlignment="1">
      <alignment horizontal="left" vertical="center" wrapText="1"/>
    </xf>
    <xf numFmtId="0" fontId="4" fillId="6" borderId="4" xfId="0" applyFont="1" applyFill="1" applyBorder="1" applyAlignment="1">
      <alignment horizontal="left" vertical="center" wrapText="1"/>
    </xf>
    <xf numFmtId="0" fontId="4" fillId="6" borderId="25" xfId="0" applyFont="1" applyFill="1" applyBorder="1" applyAlignment="1">
      <alignment horizontal="left" vertical="center" wrapText="1"/>
    </xf>
    <xf numFmtId="0" fontId="4" fillId="6" borderId="5"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30" xfId="0" applyNumberFormat="1" applyFont="1" applyFill="1" applyBorder="1" applyAlignment="1">
      <alignment horizontal="left" vertical="top" wrapText="1"/>
    </xf>
    <xf numFmtId="49" fontId="3" fillId="2" borderId="27" xfId="0" applyNumberFormat="1" applyFont="1" applyFill="1" applyBorder="1" applyAlignment="1">
      <alignment horizontal="left" vertical="top" wrapText="1"/>
    </xf>
    <xf numFmtId="49" fontId="3" fillId="2" borderId="28" xfId="0" applyNumberFormat="1" applyFont="1" applyFill="1" applyBorder="1" applyAlignment="1">
      <alignment horizontal="left" vertical="top" wrapText="1"/>
    </xf>
    <xf numFmtId="49" fontId="3" fillId="2" borderId="31" xfId="0" applyNumberFormat="1" applyFont="1" applyFill="1" applyBorder="1" applyAlignment="1">
      <alignment horizontal="left" vertical="top" wrapText="1"/>
    </xf>
    <xf numFmtId="0" fontId="3" fillId="4" borderId="0" xfId="0" applyFont="1" applyFill="1" applyAlignment="1">
      <alignment horizontal="center" vertical="center" wrapText="1"/>
    </xf>
    <xf numFmtId="49" fontId="2" fillId="0" borderId="22" xfId="0" applyNumberFormat="1" applyFont="1" applyBorder="1" applyAlignment="1">
      <alignment horizontal="left" vertical="center" wrapText="1"/>
    </xf>
    <xf numFmtId="49" fontId="2" fillId="0" borderId="23" xfId="0" applyNumberFormat="1" applyFont="1" applyBorder="1" applyAlignment="1">
      <alignment horizontal="left" vertical="center" wrapText="1"/>
    </xf>
    <xf numFmtId="0" fontId="4" fillId="6" borderId="46" xfId="0" applyFont="1" applyFill="1" applyBorder="1" applyAlignment="1">
      <alignment horizontal="left" vertical="center" wrapText="1"/>
    </xf>
    <xf numFmtId="0" fontId="4" fillId="6" borderId="47" xfId="0" applyFont="1" applyFill="1" applyBorder="1" applyAlignment="1">
      <alignment horizontal="left" vertical="center" wrapText="1"/>
    </xf>
    <xf numFmtId="0" fontId="4" fillId="6" borderId="48" xfId="0" applyFont="1" applyFill="1" applyBorder="1" applyAlignment="1">
      <alignment horizontal="left" vertical="center" wrapText="1"/>
    </xf>
    <xf numFmtId="49" fontId="2" fillId="5" borderId="11" xfId="0" applyNumberFormat="1" applyFont="1" applyFill="1" applyBorder="1" applyAlignment="1">
      <alignment horizontal="left" vertical="center" wrapText="1"/>
    </xf>
    <xf numFmtId="49" fontId="2" fillId="5" borderId="9" xfId="0" applyNumberFormat="1" applyFont="1" applyFill="1" applyBorder="1" applyAlignment="1">
      <alignment horizontal="left" vertical="center" wrapText="1"/>
    </xf>
    <xf numFmtId="16" fontId="3" fillId="5" borderId="4" xfId="0" applyNumberFormat="1" applyFont="1" applyFill="1" applyBorder="1" applyAlignment="1">
      <alignment horizontal="left" vertical="center"/>
    </xf>
    <xf numFmtId="16" fontId="2" fillId="5" borderId="5" xfId="0" applyNumberFormat="1" applyFont="1" applyFill="1" applyBorder="1" applyAlignment="1">
      <alignment horizontal="left" vertical="center"/>
    </xf>
    <xf numFmtId="49" fontId="2" fillId="0" borderId="4" xfId="0" applyNumberFormat="1" applyFont="1" applyBorder="1" applyAlignment="1">
      <alignment horizontal="center" vertical="center" wrapText="1"/>
    </xf>
    <xf numFmtId="49" fontId="2" fillId="0" borderId="36" xfId="0" applyNumberFormat="1" applyFont="1" applyBorder="1" applyAlignment="1">
      <alignment horizontal="center" vertical="center" wrapText="1"/>
    </xf>
    <xf numFmtId="49" fontId="2" fillId="0" borderId="4" xfId="0" applyNumberFormat="1" applyFont="1" applyFill="1" applyBorder="1" applyAlignment="1">
      <alignment horizontal="center" vertical="center" wrapText="1"/>
    </xf>
    <xf numFmtId="49" fontId="2" fillId="0" borderId="36" xfId="0" applyNumberFormat="1" applyFont="1" applyFill="1" applyBorder="1" applyAlignment="1">
      <alignment horizontal="center" vertical="center" wrapText="1"/>
    </xf>
    <xf numFmtId="0" fontId="12" fillId="0" borderId="6"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2" xfId="0" applyFont="1" applyFill="1" applyBorder="1" applyAlignment="1">
      <alignment horizontal="left" vertical="center" wrapText="1"/>
    </xf>
    <xf numFmtId="0" fontId="2" fillId="0" borderId="23" xfId="0" applyFont="1" applyFill="1" applyBorder="1" applyAlignment="1">
      <alignment horizontal="left" vertical="center" wrapText="1"/>
    </xf>
    <xf numFmtId="49" fontId="3" fillId="2" borderId="41"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0" fontId="3" fillId="2" borderId="16" xfId="0" applyFont="1" applyFill="1" applyBorder="1" applyAlignment="1">
      <alignment horizontal="center" vertical="top" wrapText="1"/>
    </xf>
    <xf numFmtId="0" fontId="3" fillId="2" borderId="15"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42" xfId="0" applyNumberFormat="1" applyFont="1" applyFill="1" applyBorder="1" applyAlignment="1">
      <alignment horizontal="center" vertical="center" wrapText="1"/>
    </xf>
    <xf numFmtId="49" fontId="2" fillId="2" borderId="43" xfId="0" applyNumberFormat="1" applyFont="1" applyFill="1" applyBorder="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0" borderId="11" xfId="0" applyFont="1" applyFill="1" applyBorder="1" applyAlignment="1">
      <alignment horizontal="left" vertical="center" wrapText="1"/>
    </xf>
    <xf numFmtId="49" fontId="2" fillId="5" borderId="25" xfId="0" applyNumberFormat="1" applyFont="1" applyFill="1" applyBorder="1" applyAlignment="1">
      <alignment horizontal="center" vertical="center" wrapText="1"/>
    </xf>
    <xf numFmtId="49" fontId="2" fillId="5" borderId="36" xfId="0" applyNumberFormat="1" applyFont="1" applyFill="1" applyBorder="1" applyAlignment="1">
      <alignment horizontal="center" vertical="center" wrapText="1"/>
    </xf>
    <xf numFmtId="49" fontId="5" fillId="7" borderId="4" xfId="0" applyNumberFormat="1" applyFont="1" applyFill="1" applyBorder="1" applyAlignment="1">
      <alignment horizontal="left" vertical="center" wrapText="1"/>
    </xf>
    <xf numFmtId="49" fontId="5" fillId="7" borderId="5" xfId="0" applyNumberFormat="1" applyFont="1" applyFill="1" applyBorder="1" applyAlignment="1">
      <alignment horizontal="left" vertical="center" wrapText="1"/>
    </xf>
    <xf numFmtId="49" fontId="5" fillId="7" borderId="11" xfId="0" applyNumberFormat="1" applyFont="1" applyFill="1" applyBorder="1" applyAlignment="1">
      <alignment horizontal="left" vertical="center" wrapText="1"/>
    </xf>
    <xf numFmtId="49" fontId="5" fillId="7" borderId="37" xfId="0" applyNumberFormat="1" applyFont="1" applyFill="1" applyBorder="1" applyAlignment="1">
      <alignment horizontal="left" vertical="center" wrapText="1"/>
    </xf>
    <xf numFmtId="16" fontId="3" fillId="0" borderId="32" xfId="0" applyNumberFormat="1" applyFont="1" applyBorder="1" applyAlignment="1">
      <alignment horizontal="left" vertical="center"/>
    </xf>
    <xf numFmtId="16" fontId="3" fillId="0" borderId="5" xfId="0" applyNumberFormat="1" applyFont="1" applyBorder="1" applyAlignment="1">
      <alignment horizontal="left" vertical="center"/>
    </xf>
    <xf numFmtId="49" fontId="2" fillId="0" borderId="11" xfId="0" applyNumberFormat="1" applyFont="1" applyFill="1" applyBorder="1" applyAlignment="1">
      <alignment horizontal="left" vertical="center" wrapText="1"/>
    </xf>
    <xf numFmtId="49" fontId="2" fillId="0" borderId="9" xfId="0" applyNumberFormat="1" applyFont="1" applyFill="1" applyBorder="1" applyAlignment="1">
      <alignment horizontal="left" vertical="center" wrapText="1"/>
    </xf>
    <xf numFmtId="49" fontId="2" fillId="5" borderId="4" xfId="0" applyNumberFormat="1" applyFont="1" applyFill="1" applyBorder="1" applyAlignment="1">
      <alignment horizontal="center" vertical="center" wrapText="1"/>
    </xf>
    <xf numFmtId="49" fontId="2" fillId="0" borderId="25" xfId="0" applyNumberFormat="1" applyFont="1" applyBorder="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left" wrapText="1"/>
    </xf>
    <xf numFmtId="0" fontId="3" fillId="2" borderId="21" xfId="0" applyFont="1" applyFill="1" applyBorder="1" applyAlignment="1">
      <alignment horizontal="center" vertical="top" wrapText="1"/>
    </xf>
    <xf numFmtId="0" fontId="3" fillId="2" borderId="8" xfId="0" applyFont="1" applyFill="1" applyBorder="1" applyAlignment="1">
      <alignment horizontal="center" vertical="top" wrapText="1"/>
    </xf>
    <xf numFmtId="49" fontId="2" fillId="2" borderId="11" xfId="0" applyNumberFormat="1" applyFont="1" applyFill="1" applyBorder="1" applyAlignment="1">
      <alignment horizontal="center" vertical="center" wrapText="1"/>
    </xf>
    <xf numFmtId="49" fontId="2" fillId="2" borderId="9" xfId="0" applyNumberFormat="1" applyFont="1" applyFill="1" applyBorder="1" applyAlignment="1">
      <alignment horizontal="center" vertical="center" wrapText="1"/>
    </xf>
    <xf numFmtId="49" fontId="5" fillId="5" borderId="1" xfId="0" applyNumberFormat="1" applyFont="1" applyFill="1" applyBorder="1" applyAlignment="1">
      <alignment horizontal="left" vertical="center" wrapText="1"/>
    </xf>
    <xf numFmtId="49" fontId="5" fillId="5" borderId="30" xfId="0" applyNumberFormat="1" applyFont="1" applyFill="1" applyBorder="1" applyAlignment="1">
      <alignment horizontal="left" vertical="center" wrapText="1"/>
    </xf>
    <xf numFmtId="49" fontId="5" fillId="5" borderId="27" xfId="0" applyNumberFormat="1" applyFont="1" applyFill="1" applyBorder="1" applyAlignment="1">
      <alignment horizontal="left" vertical="center" wrapText="1"/>
    </xf>
    <xf numFmtId="49" fontId="5" fillId="5" borderId="31" xfId="0" applyNumberFormat="1" applyFont="1" applyFill="1" applyBorder="1" applyAlignment="1">
      <alignment horizontal="left" vertical="center" wrapText="1"/>
    </xf>
    <xf numFmtId="49" fontId="5" fillId="7" borderId="21" xfId="0" applyNumberFormat="1" applyFont="1" applyFill="1" applyBorder="1" applyAlignment="1">
      <alignment horizontal="center"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3" fillId="0" borderId="0" xfId="0" applyNumberFormat="1" applyFont="1" applyAlignment="1">
      <alignment horizontal="left" vertical="top" wrapText="1"/>
    </xf>
    <xf numFmtId="0" fontId="9"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18" xfId="0" applyNumberFormat="1" applyFont="1" applyFill="1" applyBorder="1" applyAlignment="1">
      <alignment horizontal="center" vertical="center" wrapText="1"/>
    </xf>
    <xf numFmtId="49" fontId="2" fillId="2" borderId="19"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4" xfId="0" applyFont="1" applyFill="1" applyBorder="1" applyAlignment="1">
      <alignment horizontal="left" vertical="top" wrapText="1"/>
    </xf>
    <xf numFmtId="0" fontId="2" fillId="3" borderId="25" xfId="0" applyFont="1" applyFill="1" applyBorder="1" applyAlignment="1">
      <alignment horizontal="left" vertical="top" wrapText="1"/>
    </xf>
    <xf numFmtId="0" fontId="2" fillId="3" borderId="5" xfId="0" applyFont="1" applyFill="1" applyBorder="1" applyAlignment="1">
      <alignment horizontal="left" vertical="top" wrapText="1"/>
    </xf>
    <xf numFmtId="0" fontId="4" fillId="0" borderId="4" xfId="0" applyFont="1" applyBorder="1" applyAlignment="1">
      <alignment horizontal="left" vertical="center" wrapText="1"/>
    </xf>
    <xf numFmtId="0" fontId="4" fillId="0" borderId="25" xfId="0" applyFont="1" applyBorder="1" applyAlignment="1">
      <alignment horizontal="left" vertical="center" wrapText="1"/>
    </xf>
    <xf numFmtId="0" fontId="4" fillId="0" borderId="5" xfId="0" applyFont="1" applyBorder="1" applyAlignment="1">
      <alignment horizontal="left" vertical="center" wrapText="1"/>
    </xf>
    <xf numFmtId="0" fontId="4" fillId="0" borderId="0" xfId="0" applyFont="1" applyAlignment="1">
      <alignment horizontal="left" vertical="top" wrapText="1"/>
    </xf>
    <xf numFmtId="0" fontId="4" fillId="6" borderId="49" xfId="0" applyFont="1" applyFill="1" applyBorder="1" applyAlignment="1">
      <alignment horizontal="left" vertical="center" wrapText="1"/>
    </xf>
    <xf numFmtId="0" fontId="4" fillId="6" borderId="50" xfId="0" applyFont="1" applyFill="1" applyBorder="1" applyAlignment="1">
      <alignment horizontal="left" vertical="center" wrapText="1"/>
    </xf>
    <xf numFmtId="0" fontId="4" fillId="6" borderId="51" xfId="0" applyFont="1" applyFill="1" applyBorder="1" applyAlignment="1">
      <alignment horizontal="left" vertical="center" wrapText="1"/>
    </xf>
    <xf numFmtId="0" fontId="4" fillId="6" borderId="53" xfId="0" applyFont="1" applyFill="1" applyBorder="1" applyAlignment="1">
      <alignment horizontal="left" vertical="center" wrapText="1"/>
    </xf>
    <xf numFmtId="0" fontId="4" fillId="6" borderId="54" xfId="0" applyFont="1" applyFill="1" applyBorder="1" applyAlignment="1">
      <alignment horizontal="left" vertical="center" wrapText="1"/>
    </xf>
    <xf numFmtId="0" fontId="4" fillId="6" borderId="55" xfId="0" applyFont="1" applyFill="1" applyBorder="1" applyAlignment="1">
      <alignment horizontal="left" vertical="center" wrapText="1"/>
    </xf>
    <xf numFmtId="0" fontId="3" fillId="4" borderId="0" xfId="0"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FFCCFF"/>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1</xdr:col>
          <xdr:colOff>76200</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1</xdr:col>
          <xdr:colOff>76200</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9525</xdr:rowOff>
        </xdr:from>
        <xdr:to>
          <xdr:col>1</xdr:col>
          <xdr:colOff>76200</xdr:colOff>
          <xdr:row>31</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2</xdr:row>
          <xdr:rowOff>0</xdr:rowOff>
        </xdr:from>
        <xdr:to>
          <xdr:col>1</xdr:col>
          <xdr:colOff>76200</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2.xml"/><Relationship Id="rId3" Type="http://schemas.openxmlformats.org/officeDocument/2006/relationships/hyperlink" Target="http://www.vusch.sk/" TargetMode="External"/><Relationship Id="rId7" Type="http://schemas.openxmlformats.org/officeDocument/2006/relationships/ctrlProp" Target="../ctrlProps/ctrlProp1.xml"/><Relationship Id="rId2" Type="http://schemas.openxmlformats.org/officeDocument/2006/relationships/hyperlink" Target="http://www.vusch.sk/" TargetMode="External"/><Relationship Id="rId1" Type="http://schemas.openxmlformats.org/officeDocument/2006/relationships/hyperlink" Target="http://www.vusch.sk/" TargetMode="External"/><Relationship Id="rId6" Type="http://schemas.openxmlformats.org/officeDocument/2006/relationships/vmlDrawing" Target="../drawings/vmlDrawing1.vml"/><Relationship Id="rId5" Type="http://schemas.openxmlformats.org/officeDocument/2006/relationships/drawing" Target="../drawings/drawing1.xml"/><Relationship Id="rId10" Type="http://schemas.openxmlformats.org/officeDocument/2006/relationships/ctrlProp" Target="../ctrlProps/ctrlProp4.xml"/><Relationship Id="rId4" Type="http://schemas.openxmlformats.org/officeDocument/2006/relationships/printerSettings" Target="../printerSettings/printerSettings1.bin"/><Relationship Id="rId9" Type="http://schemas.openxmlformats.org/officeDocument/2006/relationships/ctrlProp" Target="../ctrlProps/ctrlProp3.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L240"/>
  <sheetViews>
    <sheetView showGridLines="0" tabSelected="1" topLeftCell="A5" zoomScale="91" zoomScaleNormal="91" workbookViewId="0">
      <selection activeCell="S26" sqref="S26"/>
    </sheetView>
  </sheetViews>
  <sheetFormatPr defaultRowHeight="12.75" x14ac:dyDescent="0.2"/>
  <cols>
    <col min="1" max="1" width="12.140625" style="1" customWidth="1"/>
    <col min="2" max="2" width="88.5703125" style="1" customWidth="1"/>
    <col min="3" max="3" width="14.28515625" style="1" customWidth="1"/>
    <col min="4" max="4" width="10.7109375" style="1" customWidth="1"/>
    <col min="5" max="5" width="16.42578125" style="8" customWidth="1"/>
    <col min="6" max="6" width="13.7109375" style="8" customWidth="1"/>
    <col min="7" max="7" width="19.7109375" style="2" customWidth="1"/>
    <col min="8" max="8" width="17.140625" style="1" customWidth="1"/>
    <col min="9" max="9" width="9.140625" style="1"/>
    <col min="10" max="10" width="9.140625" style="1" customWidth="1"/>
    <col min="11" max="16384" width="9.140625" style="1"/>
  </cols>
  <sheetData>
    <row r="1" spans="1:7" ht="24" customHeight="1" x14ac:dyDescent="0.2">
      <c r="A1" s="224" t="s">
        <v>50</v>
      </c>
      <c r="B1" s="224"/>
      <c r="C1" s="224"/>
      <c r="D1" s="224"/>
      <c r="E1" s="224"/>
      <c r="F1" s="224"/>
      <c r="G1" s="224"/>
    </row>
    <row r="2" spans="1:7" ht="27.75" customHeight="1" x14ac:dyDescent="0.2">
      <c r="A2" s="228" t="s">
        <v>48</v>
      </c>
      <c r="B2" s="228"/>
      <c r="C2" s="228"/>
      <c r="D2" s="228"/>
      <c r="E2" s="228"/>
      <c r="F2" s="228"/>
      <c r="G2" s="228"/>
    </row>
    <row r="3" spans="1:7" ht="54.75" customHeight="1" x14ac:dyDescent="0.2">
      <c r="A3" s="240" t="s">
        <v>54</v>
      </c>
      <c r="B3" s="240"/>
      <c r="C3" s="240"/>
      <c r="D3" s="240"/>
      <c r="E3" s="240"/>
      <c r="F3" s="240"/>
      <c r="G3" s="240"/>
    </row>
    <row r="4" spans="1:7" ht="24.95" customHeight="1" x14ac:dyDescent="0.2">
      <c r="A4" s="41" t="s">
        <v>53</v>
      </c>
      <c r="B4" s="49"/>
      <c r="C4" s="57"/>
      <c r="D4" s="57"/>
      <c r="E4" s="38"/>
      <c r="F4" s="38"/>
      <c r="G4" s="38"/>
    </row>
    <row r="5" spans="1:7" ht="24.95" customHeight="1" x14ac:dyDescent="0.2">
      <c r="A5" s="41" t="s">
        <v>51</v>
      </c>
      <c r="B5" s="50"/>
      <c r="C5" s="58"/>
      <c r="D5" s="58"/>
      <c r="E5" s="38"/>
      <c r="F5" s="38"/>
      <c r="G5" s="38"/>
    </row>
    <row r="6" spans="1:7" ht="5.0999999999999996" customHeight="1" x14ac:dyDescent="0.2">
      <c r="A6" s="38"/>
      <c r="B6" s="38"/>
      <c r="C6" s="38"/>
      <c r="D6" s="38"/>
      <c r="E6" s="38"/>
      <c r="F6" s="38"/>
      <c r="G6" s="38"/>
    </row>
    <row r="7" spans="1:7" s="2" customFormat="1" ht="20.100000000000001" customHeight="1" x14ac:dyDescent="0.25">
      <c r="A7" s="181" t="s">
        <v>5</v>
      </c>
      <c r="B7" s="181"/>
      <c r="C7" s="181"/>
      <c r="D7" s="181"/>
      <c r="E7" s="181"/>
      <c r="F7" s="181"/>
      <c r="G7" s="181"/>
    </row>
    <row r="8" spans="1:7" s="2" customFormat="1" ht="20.100000000000001" customHeight="1" x14ac:dyDescent="0.25">
      <c r="A8" s="241" t="s">
        <v>9</v>
      </c>
      <c r="B8" s="241"/>
      <c r="C8" s="241"/>
      <c r="D8" s="241"/>
      <c r="E8" s="241"/>
      <c r="F8" s="241"/>
      <c r="G8" s="241"/>
    </row>
    <row r="9" spans="1:7" ht="24.95" customHeight="1" x14ac:dyDescent="0.2">
      <c r="A9" s="242" t="s">
        <v>67</v>
      </c>
      <c r="B9" s="243"/>
      <c r="C9" s="243"/>
      <c r="D9" s="243"/>
      <c r="E9" s="243"/>
      <c r="F9" s="243"/>
      <c r="G9" s="243"/>
    </row>
    <row r="10" spans="1:7" ht="4.5" customHeight="1" x14ac:dyDescent="0.2">
      <c r="A10" s="40"/>
      <c r="B10" s="40"/>
      <c r="C10" s="40"/>
      <c r="D10" s="40"/>
      <c r="E10" s="40"/>
      <c r="F10" s="40"/>
      <c r="G10" s="40"/>
    </row>
    <row r="11" spans="1:7" s="2" customFormat="1" ht="20.100000000000001" customHeight="1" x14ac:dyDescent="0.25">
      <c r="A11" s="244" t="s">
        <v>10</v>
      </c>
      <c r="B11" s="244"/>
      <c r="C11" s="244"/>
      <c r="D11" s="244"/>
      <c r="E11" s="244"/>
      <c r="F11" s="244"/>
      <c r="G11" s="244"/>
    </row>
    <row r="12" spans="1:7" s="2" customFormat="1" ht="24.95" customHeight="1" x14ac:dyDescent="0.2">
      <c r="A12" s="225" t="s">
        <v>144</v>
      </c>
      <c r="B12" s="225"/>
      <c r="C12" s="225"/>
      <c r="D12" s="225"/>
      <c r="E12" s="225"/>
      <c r="F12" s="53"/>
      <c r="G12" s="53"/>
    </row>
    <row r="13" spans="1:7" s="2" customFormat="1" ht="12.75" customHeight="1" x14ac:dyDescent="0.2">
      <c r="A13" s="225" t="s">
        <v>333</v>
      </c>
      <c r="B13" s="225"/>
      <c r="C13" s="157"/>
      <c r="D13" s="157"/>
      <c r="E13" s="157"/>
      <c r="F13" s="53"/>
      <c r="G13" s="53"/>
    </row>
    <row r="14" spans="1:7" s="2" customFormat="1" ht="12.75" customHeight="1" x14ac:dyDescent="0.2">
      <c r="A14" s="157"/>
      <c r="B14" s="157"/>
      <c r="C14" s="157"/>
      <c r="D14" s="157"/>
      <c r="E14" s="157"/>
      <c r="F14" s="53"/>
      <c r="G14" s="53"/>
    </row>
    <row r="15" spans="1:7" s="3" customFormat="1" ht="20.100000000000001" customHeight="1" x14ac:dyDescent="0.25">
      <c r="A15" s="225" t="s">
        <v>25</v>
      </c>
      <c r="B15" s="225"/>
      <c r="C15" s="225"/>
      <c r="D15" s="225"/>
      <c r="E15" s="225"/>
      <c r="F15" s="20"/>
      <c r="G15" s="21"/>
    </row>
    <row r="16" spans="1:7" ht="4.5" customHeight="1" x14ac:dyDescent="0.2">
      <c r="A16" s="40"/>
      <c r="B16" s="40"/>
      <c r="C16" s="40"/>
      <c r="D16" s="40"/>
      <c r="E16" s="40"/>
      <c r="F16" s="40"/>
      <c r="G16" s="40"/>
    </row>
    <row r="17" spans="1:7" ht="20.100000000000001" customHeight="1" x14ac:dyDescent="0.2">
      <c r="A17" s="39" t="s">
        <v>11</v>
      </c>
      <c r="B17" s="22"/>
      <c r="C17" s="22"/>
      <c r="D17" s="22"/>
      <c r="E17" s="22"/>
      <c r="F17" s="23"/>
      <c r="G17" s="23"/>
    </row>
    <row r="18" spans="1:7" s="3" customFormat="1" ht="20.25" customHeight="1" x14ac:dyDescent="0.25">
      <c r="A18" s="256" t="s">
        <v>59</v>
      </c>
      <c r="B18" s="256"/>
      <c r="C18" s="256"/>
      <c r="D18" s="256"/>
      <c r="E18" s="256"/>
      <c r="F18" s="20"/>
      <c r="G18" s="21"/>
    </row>
    <row r="19" spans="1:7" ht="0.75" customHeight="1" x14ac:dyDescent="0.2">
      <c r="A19" s="229"/>
      <c r="B19" s="229"/>
      <c r="C19" s="229"/>
      <c r="D19" s="229"/>
      <c r="E19" s="229"/>
      <c r="G19" s="15"/>
    </row>
    <row r="20" spans="1:7" s="2" customFormat="1" ht="20.100000000000001" customHeight="1" x14ac:dyDescent="0.25">
      <c r="A20" s="181" t="s">
        <v>22</v>
      </c>
      <c r="B20" s="181"/>
      <c r="C20" s="181"/>
      <c r="D20" s="181"/>
      <c r="E20" s="181"/>
      <c r="F20" s="181"/>
      <c r="G20" s="181"/>
    </row>
    <row r="21" spans="1:7" ht="27.75" customHeight="1" x14ac:dyDescent="0.2">
      <c r="A21" s="225" t="s">
        <v>149</v>
      </c>
      <c r="B21" s="225"/>
      <c r="C21" s="225"/>
      <c r="D21" s="225"/>
      <c r="E21" s="225"/>
      <c r="F21" s="225"/>
      <c r="G21" s="225"/>
    </row>
    <row r="22" spans="1:7" ht="24.75" hidden="1" customHeight="1" x14ac:dyDescent="0.2">
      <c r="A22" s="229"/>
      <c r="B22" s="229"/>
      <c r="C22" s="229"/>
      <c r="D22" s="229"/>
      <c r="E22" s="229"/>
      <c r="G22" s="15"/>
    </row>
    <row r="23" spans="1:7" s="2" customFormat="1" ht="20.100000000000001" customHeight="1" x14ac:dyDescent="0.25">
      <c r="A23" s="181" t="s">
        <v>23</v>
      </c>
      <c r="B23" s="181"/>
      <c r="C23" s="181"/>
      <c r="D23" s="181"/>
      <c r="E23" s="181"/>
      <c r="F23" s="181"/>
      <c r="G23" s="181"/>
    </row>
    <row r="24" spans="1:7" s="9" customFormat="1" ht="20.100000000000001" customHeight="1" x14ac:dyDescent="0.25">
      <c r="A24" s="249" t="s">
        <v>6</v>
      </c>
      <c r="B24" s="249"/>
      <c r="C24" s="249"/>
      <c r="D24" s="249"/>
      <c r="E24" s="249"/>
      <c r="F24" s="249"/>
      <c r="G24" s="249"/>
    </row>
    <row r="25" spans="1:7" s="9" customFormat="1" ht="20.100000000000001" customHeight="1" x14ac:dyDescent="0.25">
      <c r="A25" s="226" t="s">
        <v>17</v>
      </c>
      <c r="B25" s="227"/>
      <c r="C25" s="56"/>
      <c r="D25" s="56"/>
      <c r="E25" s="14"/>
      <c r="F25" s="14"/>
      <c r="G25" s="14"/>
    </row>
    <row r="26" spans="1:7" s="9" customFormat="1" ht="20.100000000000001" customHeight="1" x14ac:dyDescent="0.25">
      <c r="A26" s="13"/>
      <c r="B26" s="13" t="s">
        <v>20</v>
      </c>
      <c r="C26" s="13"/>
      <c r="D26" s="13"/>
      <c r="E26" s="14"/>
      <c r="F26" s="14"/>
      <c r="G26" s="14"/>
    </row>
    <row r="27" spans="1:7" s="9" customFormat="1" ht="20.100000000000001" customHeight="1" x14ac:dyDescent="0.25">
      <c r="A27" s="13"/>
      <c r="B27" s="13" t="s">
        <v>21</v>
      </c>
      <c r="C27" s="13"/>
      <c r="D27" s="13"/>
      <c r="E27" s="14"/>
      <c r="F27" s="14"/>
      <c r="G27" s="14"/>
    </row>
    <row r="28" spans="1:7" s="9" customFormat="1" ht="20.100000000000001" customHeight="1" x14ac:dyDescent="0.25">
      <c r="A28" s="226" t="s">
        <v>18</v>
      </c>
      <c r="B28" s="227"/>
      <c r="C28" s="56"/>
      <c r="D28" s="56"/>
      <c r="E28" s="14"/>
      <c r="F28" s="14"/>
      <c r="G28" s="14"/>
    </row>
    <row r="29" spans="1:7" s="9" customFormat="1" ht="31.5" customHeight="1" x14ac:dyDescent="0.25">
      <c r="A29" s="18" t="s">
        <v>19</v>
      </c>
      <c r="B29" s="250" t="s">
        <v>13</v>
      </c>
      <c r="C29" s="251"/>
      <c r="D29" s="251"/>
      <c r="E29" s="252"/>
      <c r="F29" s="19" t="s">
        <v>12</v>
      </c>
      <c r="G29" s="19" t="s">
        <v>14</v>
      </c>
    </row>
    <row r="30" spans="1:7" s="9" customFormat="1" ht="24.95" customHeight="1" x14ac:dyDescent="0.25">
      <c r="A30" s="16" t="s">
        <v>2</v>
      </c>
      <c r="B30" s="253" t="s">
        <v>145</v>
      </c>
      <c r="C30" s="254"/>
      <c r="D30" s="254"/>
      <c r="E30" s="255"/>
      <c r="F30" s="17" t="s">
        <v>1</v>
      </c>
      <c r="G30" s="44">
        <v>1</v>
      </c>
    </row>
    <row r="31" spans="1:7" s="9" customFormat="1" ht="24" customHeight="1" x14ac:dyDescent="0.25">
      <c r="A31" s="81"/>
      <c r="B31" s="82"/>
      <c r="C31" s="82"/>
      <c r="D31" s="82"/>
      <c r="E31" s="82"/>
      <c r="F31" s="83"/>
      <c r="G31" s="84"/>
    </row>
    <row r="32" spans="1:7" s="9" customFormat="1" ht="19.5" customHeight="1" x14ac:dyDescent="0.2">
      <c r="A32" s="10"/>
      <c r="B32" s="9" t="s">
        <v>3</v>
      </c>
      <c r="E32" s="14"/>
      <c r="F32" s="14"/>
      <c r="G32" s="14"/>
    </row>
    <row r="33" spans="1:8" s="9" customFormat="1" ht="20.100000000000001" customHeight="1" x14ac:dyDescent="0.25">
      <c r="A33" s="13"/>
      <c r="B33" s="2" t="s">
        <v>4</v>
      </c>
      <c r="C33" s="2"/>
      <c r="D33" s="2"/>
      <c r="E33" s="14"/>
      <c r="F33" s="14"/>
      <c r="G33" s="14"/>
    </row>
    <row r="34" spans="1:8" ht="5.0999999999999996" customHeight="1" x14ac:dyDescent="0.2"/>
    <row r="35" spans="1:8" s="2" customFormat="1" ht="20.100000000000001" customHeight="1" x14ac:dyDescent="0.25">
      <c r="A35" s="181" t="s">
        <v>24</v>
      </c>
      <c r="B35" s="181"/>
      <c r="C35" s="181"/>
      <c r="D35" s="181"/>
      <c r="E35" s="181"/>
      <c r="F35" s="181"/>
      <c r="G35" s="181"/>
    </row>
    <row r="36" spans="1:8" s="2" customFormat="1" ht="5.0999999999999996" customHeight="1" thickBot="1" x14ac:dyDescent="0.3">
      <c r="A36" s="15"/>
      <c r="E36" s="6"/>
      <c r="F36" s="6"/>
      <c r="G36" s="6"/>
    </row>
    <row r="37" spans="1:8" s="3" customFormat="1" ht="93" customHeight="1" x14ac:dyDescent="0.25">
      <c r="A37" s="175" t="s">
        <v>0</v>
      </c>
      <c r="B37" s="176"/>
      <c r="C37" s="54"/>
      <c r="D37" s="54"/>
      <c r="E37" s="204" t="s">
        <v>26</v>
      </c>
      <c r="F37" s="205"/>
      <c r="G37" s="206"/>
      <c r="H37" s="24"/>
    </row>
    <row r="38" spans="1:8" s="3" customFormat="1" ht="30" customHeight="1" thickBot="1" x14ac:dyDescent="0.3">
      <c r="A38" s="245"/>
      <c r="B38" s="246"/>
      <c r="C38" s="55"/>
      <c r="D38" s="55"/>
      <c r="E38" s="25" t="s">
        <v>27</v>
      </c>
      <c r="F38" s="247" t="s">
        <v>28</v>
      </c>
      <c r="G38" s="248"/>
    </row>
    <row r="39" spans="1:8" s="26" customFormat="1" ht="24.95" customHeight="1" x14ac:dyDescent="0.25">
      <c r="A39" s="234" t="s">
        <v>68</v>
      </c>
      <c r="B39" s="235"/>
      <c r="C39" s="238" t="s">
        <v>61</v>
      </c>
      <c r="D39" s="238"/>
      <c r="E39" s="45"/>
      <c r="F39" s="45"/>
      <c r="G39" s="46"/>
    </row>
    <row r="40" spans="1:8" s="4" customFormat="1" ht="24.95" customHeight="1" x14ac:dyDescent="0.25">
      <c r="A40" s="236"/>
      <c r="B40" s="237"/>
      <c r="C40" s="79" t="s">
        <v>62</v>
      </c>
      <c r="D40" s="79" t="s">
        <v>63</v>
      </c>
      <c r="E40" s="48"/>
      <c r="F40" s="160"/>
      <c r="G40" s="161"/>
    </row>
    <row r="41" spans="1:8" s="4" customFormat="1" ht="24.95" customHeight="1" x14ac:dyDescent="0.25">
      <c r="A41" s="218" t="s">
        <v>64</v>
      </c>
      <c r="B41" s="219"/>
      <c r="C41" s="73"/>
      <c r="D41" s="73"/>
      <c r="E41" s="48" t="s">
        <v>70</v>
      </c>
      <c r="F41" s="160"/>
      <c r="G41" s="161"/>
    </row>
    <row r="42" spans="1:8" s="4" customFormat="1" ht="26.25" customHeight="1" x14ac:dyDescent="0.25">
      <c r="A42" s="68">
        <v>44562</v>
      </c>
      <c r="B42" s="96" t="s">
        <v>69</v>
      </c>
      <c r="C42" s="74"/>
      <c r="D42" s="74"/>
      <c r="E42" s="48"/>
      <c r="F42" s="160"/>
      <c r="G42" s="161"/>
    </row>
    <row r="43" spans="1:8" s="4" customFormat="1" ht="24.95" customHeight="1" x14ac:dyDescent="0.25">
      <c r="A43" s="214" t="s">
        <v>81</v>
      </c>
      <c r="B43" s="215"/>
      <c r="C43" s="216"/>
      <c r="D43" s="217"/>
      <c r="E43" s="103" t="s">
        <v>70</v>
      </c>
      <c r="F43" s="212"/>
      <c r="G43" s="213"/>
    </row>
    <row r="44" spans="1:8" s="4" customFormat="1" ht="30.75" customHeight="1" x14ac:dyDescent="0.25">
      <c r="A44" s="68">
        <v>44563</v>
      </c>
      <c r="B44" s="72" t="s">
        <v>71</v>
      </c>
      <c r="C44" s="75"/>
      <c r="D44" s="104"/>
      <c r="E44" s="102"/>
      <c r="F44" s="223"/>
      <c r="G44" s="192"/>
    </row>
    <row r="45" spans="1:8" s="4" customFormat="1" ht="24.95" customHeight="1" x14ac:dyDescent="0.25">
      <c r="A45" s="68">
        <v>44594</v>
      </c>
      <c r="B45" s="72" t="s">
        <v>72</v>
      </c>
      <c r="C45" s="75"/>
      <c r="D45" s="75"/>
      <c r="E45" s="48"/>
      <c r="F45" s="191"/>
      <c r="G45" s="192"/>
    </row>
    <row r="46" spans="1:8" s="4" customFormat="1" ht="26.25" customHeight="1" x14ac:dyDescent="0.25">
      <c r="A46" s="68">
        <v>44622</v>
      </c>
      <c r="B46" s="72" t="s">
        <v>73</v>
      </c>
      <c r="C46" s="75"/>
      <c r="D46" s="75"/>
      <c r="E46" s="48"/>
      <c r="F46" s="191"/>
      <c r="G46" s="192"/>
    </row>
    <row r="47" spans="1:8" s="4" customFormat="1" ht="24" customHeight="1" x14ac:dyDescent="0.25">
      <c r="A47" s="68">
        <v>44653</v>
      </c>
      <c r="B47" s="72" t="s">
        <v>74</v>
      </c>
      <c r="C47" s="75"/>
      <c r="D47" s="75"/>
      <c r="E47" s="48"/>
      <c r="F47" s="191"/>
      <c r="G47" s="192"/>
    </row>
    <row r="48" spans="1:8" s="4" customFormat="1" ht="25.5" customHeight="1" x14ac:dyDescent="0.25">
      <c r="A48" s="68">
        <v>44683</v>
      </c>
      <c r="B48" s="72" t="s">
        <v>75</v>
      </c>
      <c r="C48" s="75"/>
      <c r="D48" s="75"/>
      <c r="E48" s="48"/>
      <c r="F48" s="191"/>
      <c r="G48" s="192"/>
    </row>
    <row r="49" spans="1:7" s="4" customFormat="1" ht="36" customHeight="1" x14ac:dyDescent="0.25">
      <c r="A49" s="166" t="s">
        <v>82</v>
      </c>
      <c r="B49" s="190"/>
      <c r="C49" s="105"/>
      <c r="D49" s="106"/>
      <c r="E49" s="107" t="s">
        <v>70</v>
      </c>
      <c r="F49" s="212"/>
      <c r="G49" s="213"/>
    </row>
    <row r="50" spans="1:7" s="4" customFormat="1" ht="36.75" customHeight="1" x14ac:dyDescent="0.25">
      <c r="A50" s="109">
        <v>44564</v>
      </c>
      <c r="B50" s="75" t="s">
        <v>146</v>
      </c>
      <c r="C50" s="75"/>
      <c r="D50" s="72"/>
      <c r="E50" s="108"/>
      <c r="F50" s="122"/>
      <c r="G50" s="123"/>
    </row>
    <row r="51" spans="1:7" s="4" customFormat="1" ht="24.95" customHeight="1" x14ac:dyDescent="0.25">
      <c r="A51" s="166" t="s">
        <v>157</v>
      </c>
      <c r="B51" s="190"/>
      <c r="C51" s="112"/>
      <c r="D51" s="112"/>
      <c r="E51" s="101" t="s">
        <v>70</v>
      </c>
      <c r="F51" s="187"/>
      <c r="G51" s="188"/>
    </row>
    <row r="52" spans="1:7" s="4" customFormat="1" ht="24.95" customHeight="1" x14ac:dyDescent="0.25">
      <c r="A52" s="90">
        <v>44565</v>
      </c>
      <c r="B52" s="88" t="s">
        <v>76</v>
      </c>
      <c r="C52" s="61"/>
      <c r="D52" s="61"/>
      <c r="E52" s="48"/>
      <c r="F52" s="124"/>
      <c r="G52" s="125"/>
    </row>
    <row r="53" spans="1:7" s="4" customFormat="1" ht="27" customHeight="1" x14ac:dyDescent="0.25">
      <c r="A53" s="90">
        <v>44596</v>
      </c>
      <c r="B53" s="88" t="s">
        <v>77</v>
      </c>
      <c r="C53" s="61" t="s">
        <v>78</v>
      </c>
      <c r="D53" s="61"/>
      <c r="E53" s="48"/>
      <c r="F53" s="124"/>
      <c r="G53" s="125"/>
    </row>
    <row r="54" spans="1:7" s="4" customFormat="1" ht="24.95" customHeight="1" x14ac:dyDescent="0.25">
      <c r="A54" s="90">
        <v>44624</v>
      </c>
      <c r="B54" s="88" t="s">
        <v>79</v>
      </c>
      <c r="C54" s="61" t="s">
        <v>80</v>
      </c>
      <c r="D54" s="61"/>
      <c r="E54" s="48"/>
      <c r="F54" s="124"/>
      <c r="G54" s="125"/>
    </row>
    <row r="55" spans="1:7" s="4" customFormat="1" ht="24.95" customHeight="1" x14ac:dyDescent="0.25">
      <c r="A55" s="90">
        <v>44655</v>
      </c>
      <c r="B55" s="88" t="s">
        <v>83</v>
      </c>
      <c r="C55" s="61" t="s">
        <v>85</v>
      </c>
      <c r="D55" s="61"/>
      <c r="E55" s="48"/>
      <c r="F55" s="124"/>
      <c r="G55" s="125"/>
    </row>
    <row r="56" spans="1:7" s="4" customFormat="1" ht="24.95" customHeight="1" x14ac:dyDescent="0.25">
      <c r="A56" s="90">
        <v>44685</v>
      </c>
      <c r="B56" s="88" t="s">
        <v>84</v>
      </c>
      <c r="C56" s="61" t="s">
        <v>86</v>
      </c>
      <c r="D56" s="61"/>
      <c r="E56" s="48"/>
      <c r="F56" s="124"/>
      <c r="G56" s="125"/>
    </row>
    <row r="57" spans="1:7" s="4" customFormat="1" ht="24.95" customHeight="1" x14ac:dyDescent="0.25">
      <c r="A57" s="97">
        <v>44716</v>
      </c>
      <c r="B57" s="89" t="s">
        <v>87</v>
      </c>
      <c r="C57" s="16" t="s">
        <v>80</v>
      </c>
      <c r="D57" s="73"/>
      <c r="E57" s="48"/>
      <c r="F57" s="220"/>
      <c r="G57" s="221"/>
    </row>
    <row r="58" spans="1:7" s="4" customFormat="1" ht="24.95" customHeight="1" x14ac:dyDescent="0.25">
      <c r="A58" s="166" t="s">
        <v>152</v>
      </c>
      <c r="B58" s="190"/>
      <c r="C58" s="110"/>
      <c r="D58" s="111"/>
      <c r="E58" s="101" t="s">
        <v>70</v>
      </c>
      <c r="F58" s="222"/>
      <c r="G58" s="213"/>
    </row>
    <row r="59" spans="1:7" s="4" customFormat="1" ht="24.95" customHeight="1" x14ac:dyDescent="0.25">
      <c r="A59" s="68">
        <v>44566</v>
      </c>
      <c r="B59" s="70" t="s">
        <v>88</v>
      </c>
      <c r="C59" s="76" t="s">
        <v>89</v>
      </c>
      <c r="D59" s="76"/>
      <c r="E59" s="48"/>
      <c r="F59" s="220"/>
      <c r="G59" s="221"/>
    </row>
    <row r="60" spans="1:7" s="4" customFormat="1" ht="24.95" customHeight="1" x14ac:dyDescent="0.25">
      <c r="A60" s="68">
        <v>44597</v>
      </c>
      <c r="B60" s="70" t="s">
        <v>91</v>
      </c>
      <c r="C60" s="76" t="s">
        <v>90</v>
      </c>
      <c r="D60" s="76"/>
      <c r="E60" s="48"/>
      <c r="F60" s="191"/>
      <c r="G60" s="192"/>
    </row>
    <row r="61" spans="1:7" s="4" customFormat="1" ht="24.95" customHeight="1" x14ac:dyDescent="0.25">
      <c r="A61" s="68">
        <v>44625</v>
      </c>
      <c r="B61" s="65" t="s">
        <v>92</v>
      </c>
      <c r="C61" s="64" t="s">
        <v>93</v>
      </c>
      <c r="D61" s="64"/>
      <c r="E61" s="48"/>
      <c r="F61" s="160"/>
      <c r="G61" s="161"/>
    </row>
    <row r="62" spans="1:7" s="4" customFormat="1" ht="24.95" customHeight="1" x14ac:dyDescent="0.25">
      <c r="A62" s="166" t="s">
        <v>153</v>
      </c>
      <c r="B62" s="190"/>
      <c r="C62" s="116"/>
      <c r="D62" s="116"/>
      <c r="E62" s="101" t="s">
        <v>70</v>
      </c>
      <c r="F62" s="187"/>
      <c r="G62" s="188"/>
    </row>
    <row r="63" spans="1:7" s="4" customFormat="1" ht="24.95" customHeight="1" x14ac:dyDescent="0.25">
      <c r="A63" s="68">
        <v>44567</v>
      </c>
      <c r="B63" s="69" t="s">
        <v>88</v>
      </c>
      <c r="C63" s="60" t="s">
        <v>94</v>
      </c>
      <c r="D63" s="60"/>
      <c r="E63" s="48"/>
      <c r="F63" s="160"/>
      <c r="G63" s="161"/>
    </row>
    <row r="64" spans="1:7" s="4" customFormat="1" ht="24.95" customHeight="1" x14ac:dyDescent="0.25">
      <c r="A64" s="68">
        <v>44598</v>
      </c>
      <c r="B64" s="69" t="s">
        <v>91</v>
      </c>
      <c r="C64" s="98">
        <v>5.0000000000000001E-4</v>
      </c>
      <c r="D64" s="60"/>
      <c r="E64" s="48"/>
      <c r="F64" s="160"/>
      <c r="G64" s="161"/>
    </row>
    <row r="65" spans="1:7" s="4" customFormat="1" ht="24.95" customHeight="1" x14ac:dyDescent="0.25">
      <c r="A65" s="68">
        <v>44626</v>
      </c>
      <c r="B65" s="69" t="s">
        <v>92</v>
      </c>
      <c r="C65" s="60" t="s">
        <v>93</v>
      </c>
      <c r="D65" s="60"/>
      <c r="E65" s="48"/>
      <c r="F65" s="160"/>
      <c r="G65" s="161"/>
    </row>
    <row r="66" spans="1:7" s="4" customFormat="1" ht="24.95" customHeight="1" x14ac:dyDescent="0.25">
      <c r="A66" s="166" t="s">
        <v>154</v>
      </c>
      <c r="B66" s="190"/>
      <c r="C66" s="113"/>
      <c r="D66" s="114"/>
      <c r="E66" s="101" t="s">
        <v>70</v>
      </c>
      <c r="F66" s="187"/>
      <c r="G66" s="188"/>
    </row>
    <row r="67" spans="1:7" s="4" customFormat="1" ht="33.75" customHeight="1" x14ac:dyDescent="0.25">
      <c r="A67" s="126">
        <v>44568</v>
      </c>
      <c r="B67" s="121" t="s">
        <v>96</v>
      </c>
      <c r="C67" s="94"/>
      <c r="D67" s="71"/>
      <c r="E67" s="101"/>
      <c r="F67" s="193"/>
      <c r="G67" s="194"/>
    </row>
    <row r="68" spans="1:7" s="4" customFormat="1" ht="30.75" customHeight="1" x14ac:dyDescent="0.25">
      <c r="A68" s="127">
        <v>44599</v>
      </c>
      <c r="B68" s="128" t="s">
        <v>155</v>
      </c>
      <c r="C68" s="94"/>
      <c r="D68" s="71"/>
      <c r="E68" s="101"/>
      <c r="F68" s="129"/>
      <c r="G68" s="123"/>
    </row>
    <row r="69" spans="1:7" s="4" customFormat="1" ht="30.75" customHeight="1" x14ac:dyDescent="0.25">
      <c r="A69" s="127">
        <v>44627</v>
      </c>
      <c r="B69" s="128" t="s">
        <v>156</v>
      </c>
      <c r="C69" s="94"/>
      <c r="D69" s="71"/>
      <c r="E69" s="101"/>
      <c r="F69" s="129"/>
      <c r="G69" s="123"/>
    </row>
    <row r="70" spans="1:7" s="4" customFormat="1" ht="24.95" customHeight="1" x14ac:dyDescent="0.25">
      <c r="A70" s="68">
        <v>44658</v>
      </c>
      <c r="B70" s="59" t="s">
        <v>95</v>
      </c>
      <c r="C70" s="60"/>
      <c r="D70" s="60"/>
      <c r="E70" s="48"/>
      <c r="F70" s="160"/>
      <c r="G70" s="161"/>
    </row>
    <row r="71" spans="1:7" s="4" customFormat="1" ht="24.95" customHeight="1" x14ac:dyDescent="0.25">
      <c r="A71" s="166" t="s">
        <v>158</v>
      </c>
      <c r="B71" s="167"/>
      <c r="C71" s="112"/>
      <c r="D71" s="115"/>
      <c r="E71" s="101" t="s">
        <v>70</v>
      </c>
      <c r="F71" s="187"/>
      <c r="G71" s="188"/>
    </row>
    <row r="72" spans="1:7" s="4" customFormat="1" ht="24.95" customHeight="1" x14ac:dyDescent="0.25">
      <c r="A72" s="68">
        <v>44569</v>
      </c>
      <c r="B72" s="67" t="s">
        <v>147</v>
      </c>
      <c r="C72" s="61"/>
      <c r="D72" s="77"/>
      <c r="E72" s="48"/>
      <c r="F72" s="160"/>
      <c r="G72" s="161"/>
    </row>
    <row r="73" spans="1:7" s="4" customFormat="1" ht="24.95" customHeight="1" x14ac:dyDescent="0.25">
      <c r="A73" s="68">
        <v>44600</v>
      </c>
      <c r="B73" s="89" t="s">
        <v>97</v>
      </c>
      <c r="C73" s="61"/>
      <c r="D73" s="77"/>
      <c r="E73" s="48"/>
      <c r="F73" s="191"/>
      <c r="G73" s="192"/>
    </row>
    <row r="74" spans="1:7" s="4" customFormat="1" ht="24.95" customHeight="1" x14ac:dyDescent="0.25">
      <c r="A74" s="68">
        <v>44628</v>
      </c>
      <c r="B74" s="67" t="s">
        <v>98</v>
      </c>
      <c r="C74" s="61"/>
      <c r="D74" s="77"/>
      <c r="E74" s="48"/>
      <c r="F74" s="160"/>
      <c r="G74" s="161"/>
    </row>
    <row r="75" spans="1:7" s="4" customFormat="1" ht="27" customHeight="1" x14ac:dyDescent="0.25">
      <c r="A75" s="97">
        <v>44659</v>
      </c>
      <c r="B75" s="95" t="s">
        <v>99</v>
      </c>
      <c r="C75" s="16"/>
      <c r="D75" s="73"/>
      <c r="E75" s="48"/>
      <c r="F75" s="160"/>
      <c r="G75" s="161"/>
    </row>
    <row r="76" spans="1:7" s="4" customFormat="1" ht="24.95" customHeight="1" x14ac:dyDescent="0.25">
      <c r="A76" s="68">
        <v>44689</v>
      </c>
      <c r="B76" s="69" t="s">
        <v>100</v>
      </c>
      <c r="C76" s="60"/>
      <c r="D76" s="60"/>
      <c r="E76" s="48"/>
      <c r="F76" s="160"/>
      <c r="G76" s="161"/>
    </row>
    <row r="77" spans="1:7" s="4" customFormat="1" ht="24.95" customHeight="1" x14ac:dyDescent="0.25">
      <c r="A77" s="68">
        <v>44720</v>
      </c>
      <c r="B77" s="69" t="s">
        <v>101</v>
      </c>
      <c r="C77" s="60"/>
      <c r="D77" s="60"/>
      <c r="E77" s="48"/>
      <c r="F77" s="160"/>
      <c r="G77" s="161"/>
    </row>
    <row r="78" spans="1:7" s="4" customFormat="1" ht="24.95" customHeight="1" x14ac:dyDescent="0.25">
      <c r="A78" s="166" t="s">
        <v>159</v>
      </c>
      <c r="B78" s="167"/>
      <c r="C78" s="105"/>
      <c r="D78" s="105"/>
      <c r="E78" s="101" t="s">
        <v>70</v>
      </c>
      <c r="F78" s="187"/>
      <c r="G78" s="188"/>
    </row>
    <row r="79" spans="1:7" s="4" customFormat="1" ht="24.95" customHeight="1" x14ac:dyDescent="0.25">
      <c r="A79" s="68">
        <v>44570</v>
      </c>
      <c r="B79" s="69" t="s">
        <v>102</v>
      </c>
      <c r="C79" s="60"/>
      <c r="D79" s="60"/>
      <c r="E79" s="48"/>
      <c r="F79" s="160"/>
      <c r="G79" s="161"/>
    </row>
    <row r="80" spans="1:7" s="4" customFormat="1" ht="25.5" customHeight="1" x14ac:dyDescent="0.25">
      <c r="A80" s="68">
        <v>44601</v>
      </c>
      <c r="B80" s="95" t="s">
        <v>103</v>
      </c>
      <c r="C80" s="95"/>
      <c r="D80" s="78"/>
      <c r="E80" s="48"/>
      <c r="F80" s="160"/>
      <c r="G80" s="161"/>
    </row>
    <row r="81" spans="1:7" s="4" customFormat="1" ht="25.5" customHeight="1" x14ac:dyDescent="0.25">
      <c r="A81" s="68">
        <v>44629</v>
      </c>
      <c r="B81" s="67" t="s">
        <v>104</v>
      </c>
      <c r="C81" s="61"/>
      <c r="D81" s="77"/>
      <c r="E81" s="48"/>
      <c r="F81" s="160"/>
      <c r="G81" s="161"/>
    </row>
    <row r="82" spans="1:7" s="4" customFormat="1" ht="25.5" customHeight="1" x14ac:dyDescent="0.25">
      <c r="A82" s="68">
        <v>44660</v>
      </c>
      <c r="B82" s="67" t="s">
        <v>105</v>
      </c>
      <c r="C82" s="61"/>
      <c r="D82" s="77"/>
      <c r="E82" s="48"/>
      <c r="F82" s="160"/>
      <c r="G82" s="161"/>
    </row>
    <row r="83" spans="1:7" s="4" customFormat="1" ht="25.5" customHeight="1" x14ac:dyDescent="0.25">
      <c r="A83" s="68">
        <v>44690</v>
      </c>
      <c r="B83" s="67" t="s">
        <v>106</v>
      </c>
      <c r="C83" s="61"/>
      <c r="D83" s="61"/>
      <c r="E83" s="48"/>
      <c r="F83" s="160"/>
      <c r="G83" s="161"/>
    </row>
    <row r="84" spans="1:7" s="4" customFormat="1" ht="25.5" customHeight="1" x14ac:dyDescent="0.25">
      <c r="A84" s="68">
        <v>44721</v>
      </c>
      <c r="B84" s="67" t="s">
        <v>107</v>
      </c>
      <c r="C84" s="61"/>
      <c r="D84" s="77"/>
      <c r="E84" s="48"/>
      <c r="F84" s="160"/>
      <c r="G84" s="161"/>
    </row>
    <row r="85" spans="1:7" s="4" customFormat="1" ht="25.5" customHeight="1" x14ac:dyDescent="0.25">
      <c r="A85" s="68">
        <v>44751</v>
      </c>
      <c r="B85" s="67" t="s">
        <v>108</v>
      </c>
      <c r="C85" s="61"/>
      <c r="D85" s="77"/>
      <c r="E85" s="48"/>
      <c r="F85" s="160"/>
      <c r="G85" s="161"/>
    </row>
    <row r="86" spans="1:7" s="4" customFormat="1" ht="25.5" customHeight="1" x14ac:dyDescent="0.25">
      <c r="A86" s="68">
        <v>44782</v>
      </c>
      <c r="B86" s="67" t="s">
        <v>109</v>
      </c>
      <c r="C86" s="61"/>
      <c r="D86" s="77"/>
      <c r="E86" s="48"/>
      <c r="F86" s="160"/>
      <c r="G86" s="161"/>
    </row>
    <row r="87" spans="1:7" s="4" customFormat="1" ht="25.5" customHeight="1" x14ac:dyDescent="0.25">
      <c r="A87" s="68">
        <v>44813</v>
      </c>
      <c r="B87" s="67" t="s">
        <v>110</v>
      </c>
      <c r="C87" s="61"/>
      <c r="D87" s="77"/>
      <c r="E87" s="48"/>
      <c r="F87" s="160"/>
      <c r="G87" s="161"/>
    </row>
    <row r="88" spans="1:7" s="4" customFormat="1" ht="25.5" customHeight="1" x14ac:dyDescent="0.25">
      <c r="A88" s="68">
        <v>44843</v>
      </c>
      <c r="B88" s="89" t="s">
        <v>111</v>
      </c>
      <c r="C88" s="61"/>
      <c r="D88" s="77"/>
      <c r="E88" s="48"/>
      <c r="F88" s="160"/>
      <c r="G88" s="161"/>
    </row>
    <row r="89" spans="1:7" s="4" customFormat="1" ht="25.5" customHeight="1" x14ac:dyDescent="0.25">
      <c r="A89" s="68">
        <v>44874</v>
      </c>
      <c r="B89" s="89" t="s">
        <v>112</v>
      </c>
      <c r="C89" s="61"/>
      <c r="D89" s="77"/>
      <c r="E89" s="48"/>
      <c r="F89" s="160"/>
      <c r="G89" s="161"/>
    </row>
    <row r="90" spans="1:7" s="4" customFormat="1" ht="25.5" customHeight="1" x14ac:dyDescent="0.25">
      <c r="A90" s="68">
        <v>44904</v>
      </c>
      <c r="B90" s="89" t="s">
        <v>113</v>
      </c>
      <c r="C90" s="61"/>
      <c r="D90" s="77"/>
      <c r="E90" s="48"/>
      <c r="F90" s="160"/>
      <c r="G90" s="161"/>
    </row>
    <row r="91" spans="1:7" s="4" customFormat="1" ht="25.5" customHeight="1" x14ac:dyDescent="0.25">
      <c r="A91" s="99" t="s">
        <v>160</v>
      </c>
      <c r="B91" s="89" t="s">
        <v>114</v>
      </c>
      <c r="C91" s="61"/>
      <c r="D91" s="77"/>
      <c r="E91" s="48"/>
      <c r="F91" s="160"/>
      <c r="G91" s="161"/>
    </row>
    <row r="92" spans="1:7" s="4" customFormat="1" ht="25.5" customHeight="1" x14ac:dyDescent="0.25">
      <c r="A92" s="99" t="s">
        <v>161</v>
      </c>
      <c r="B92" s="89" t="s">
        <v>115</v>
      </c>
      <c r="C92" s="61"/>
      <c r="D92" s="77"/>
      <c r="E92" s="48"/>
      <c r="F92" s="160"/>
      <c r="G92" s="161"/>
    </row>
    <row r="93" spans="1:7" s="4" customFormat="1" ht="25.5" customHeight="1" x14ac:dyDescent="0.25">
      <c r="A93" s="99" t="s">
        <v>162</v>
      </c>
      <c r="B93" s="89" t="s">
        <v>116</v>
      </c>
      <c r="C93" s="61"/>
      <c r="D93" s="77"/>
      <c r="E93" s="48"/>
      <c r="F93" s="160"/>
      <c r="G93" s="161"/>
    </row>
    <row r="94" spans="1:7" s="4" customFormat="1" ht="25.5" customHeight="1" x14ac:dyDescent="0.25">
      <c r="A94" s="99" t="s">
        <v>163</v>
      </c>
      <c r="B94" s="89" t="s">
        <v>117</v>
      </c>
      <c r="C94" s="61"/>
      <c r="D94" s="77"/>
      <c r="E94" s="48"/>
      <c r="F94" s="160"/>
      <c r="G94" s="161"/>
    </row>
    <row r="95" spans="1:7" s="4" customFormat="1" ht="25.5" customHeight="1" x14ac:dyDescent="0.25">
      <c r="A95" s="99" t="s">
        <v>164</v>
      </c>
      <c r="B95" s="89" t="s">
        <v>118</v>
      </c>
      <c r="C95" s="61"/>
      <c r="D95" s="77"/>
      <c r="E95" s="48"/>
      <c r="F95" s="160"/>
      <c r="G95" s="161"/>
    </row>
    <row r="96" spans="1:7" s="4" customFormat="1" ht="25.5" customHeight="1" x14ac:dyDescent="0.25">
      <c r="A96" s="99" t="s">
        <v>165</v>
      </c>
      <c r="B96" s="89" t="s">
        <v>119</v>
      </c>
      <c r="C96" s="61"/>
      <c r="D96" s="77"/>
      <c r="E96" s="48"/>
      <c r="F96" s="160"/>
      <c r="G96" s="161"/>
    </row>
    <row r="97" spans="1:7" s="4" customFormat="1" ht="25.5" customHeight="1" x14ac:dyDescent="0.25">
      <c r="A97" s="99" t="s">
        <v>166</v>
      </c>
      <c r="B97" s="89" t="s">
        <v>120</v>
      </c>
      <c r="C97" s="61"/>
      <c r="D97" s="77"/>
      <c r="E97" s="48"/>
      <c r="F97" s="160"/>
      <c r="G97" s="161"/>
    </row>
    <row r="98" spans="1:7" s="4" customFormat="1" ht="25.5" customHeight="1" x14ac:dyDescent="0.25">
      <c r="A98" s="99" t="s">
        <v>167</v>
      </c>
      <c r="B98" s="89" t="s">
        <v>121</v>
      </c>
      <c r="C98" s="61"/>
      <c r="D98" s="77"/>
      <c r="E98" s="48"/>
      <c r="F98" s="160"/>
      <c r="G98" s="161"/>
    </row>
    <row r="99" spans="1:7" s="4" customFormat="1" ht="25.5" customHeight="1" x14ac:dyDescent="0.25">
      <c r="A99" s="99" t="s">
        <v>168</v>
      </c>
      <c r="B99" s="100" t="s">
        <v>122</v>
      </c>
      <c r="C99" s="61"/>
      <c r="D99" s="77"/>
      <c r="E99" s="48"/>
      <c r="F99" s="160"/>
      <c r="G99" s="161"/>
    </row>
    <row r="100" spans="1:7" s="4" customFormat="1" ht="25.5" customHeight="1" x14ac:dyDescent="0.25">
      <c r="A100" s="99" t="s">
        <v>169</v>
      </c>
      <c r="B100" s="89" t="s">
        <v>123</v>
      </c>
      <c r="C100" s="61"/>
      <c r="D100" s="77"/>
      <c r="E100" s="48"/>
      <c r="F100" s="160"/>
      <c r="G100" s="161"/>
    </row>
    <row r="101" spans="1:7" s="4" customFormat="1" ht="25.5" customHeight="1" x14ac:dyDescent="0.25">
      <c r="A101" s="99" t="s">
        <v>170</v>
      </c>
      <c r="B101" s="89" t="s">
        <v>124</v>
      </c>
      <c r="C101" s="61"/>
      <c r="D101" s="77"/>
      <c r="E101" s="48"/>
      <c r="F101" s="160"/>
      <c r="G101" s="161"/>
    </row>
    <row r="102" spans="1:7" s="4" customFormat="1" ht="25.5" customHeight="1" x14ac:dyDescent="0.25">
      <c r="A102" s="99" t="s">
        <v>171</v>
      </c>
      <c r="B102" s="89" t="s">
        <v>125</v>
      </c>
      <c r="C102" s="61"/>
      <c r="D102" s="77"/>
      <c r="E102" s="48"/>
      <c r="F102" s="160"/>
      <c r="G102" s="161"/>
    </row>
    <row r="103" spans="1:7" s="4" customFormat="1" ht="25.5" customHeight="1" x14ac:dyDescent="0.25">
      <c r="A103" s="99" t="s">
        <v>172</v>
      </c>
      <c r="B103" s="89" t="s">
        <v>126</v>
      </c>
      <c r="C103" s="61"/>
      <c r="D103" s="77"/>
      <c r="E103" s="48"/>
      <c r="F103" s="160"/>
      <c r="G103" s="161"/>
    </row>
    <row r="104" spans="1:7" s="4" customFormat="1" ht="25.5" customHeight="1" x14ac:dyDescent="0.25">
      <c r="A104" s="166" t="s">
        <v>173</v>
      </c>
      <c r="B104" s="167"/>
      <c r="C104" s="112"/>
      <c r="D104" s="115"/>
      <c r="E104" s="101" t="s">
        <v>70</v>
      </c>
      <c r="F104" s="187"/>
      <c r="G104" s="188"/>
    </row>
    <row r="105" spans="1:7" s="4" customFormat="1" ht="25.5" customHeight="1" x14ac:dyDescent="0.25">
      <c r="A105" s="97">
        <v>44571</v>
      </c>
      <c r="B105" s="95" t="s">
        <v>127</v>
      </c>
      <c r="C105" s="61"/>
      <c r="D105" s="77"/>
      <c r="E105" s="48"/>
      <c r="F105" s="160"/>
      <c r="G105" s="161"/>
    </row>
    <row r="106" spans="1:7" s="4" customFormat="1" ht="25.5" customHeight="1" x14ac:dyDescent="0.25">
      <c r="A106" s="97">
        <v>44602</v>
      </c>
      <c r="B106" s="93" t="s">
        <v>128</v>
      </c>
      <c r="C106" s="61"/>
      <c r="D106" s="77"/>
      <c r="E106" s="48"/>
      <c r="F106" s="160"/>
      <c r="G106" s="161"/>
    </row>
    <row r="107" spans="1:7" s="4" customFormat="1" ht="25.5" customHeight="1" x14ac:dyDescent="0.25">
      <c r="A107" s="97">
        <v>44630</v>
      </c>
      <c r="B107" s="93" t="s">
        <v>129</v>
      </c>
      <c r="C107" s="61"/>
      <c r="D107" s="77"/>
      <c r="E107" s="48"/>
      <c r="F107" s="160"/>
      <c r="G107" s="161"/>
    </row>
    <row r="108" spans="1:7" s="4" customFormat="1" ht="25.5" customHeight="1" x14ac:dyDescent="0.25">
      <c r="A108" s="97">
        <v>44661</v>
      </c>
      <c r="B108" s="93" t="s">
        <v>130</v>
      </c>
      <c r="C108" s="61"/>
      <c r="D108" s="77"/>
      <c r="E108" s="48"/>
      <c r="F108" s="160"/>
      <c r="G108" s="161"/>
    </row>
    <row r="109" spans="1:7" s="4" customFormat="1" ht="25.5" customHeight="1" x14ac:dyDescent="0.25">
      <c r="A109" s="97">
        <v>44691</v>
      </c>
      <c r="B109" s="93" t="s">
        <v>131</v>
      </c>
      <c r="C109" s="61"/>
      <c r="D109" s="77"/>
      <c r="E109" s="48"/>
      <c r="F109" s="160"/>
      <c r="G109" s="161"/>
    </row>
    <row r="110" spans="1:7" s="4" customFormat="1" ht="25.5" customHeight="1" x14ac:dyDescent="0.25">
      <c r="A110" s="97">
        <v>44722</v>
      </c>
      <c r="B110" s="93" t="s">
        <v>132</v>
      </c>
      <c r="C110" s="61"/>
      <c r="D110" s="77"/>
      <c r="E110" s="48"/>
      <c r="F110" s="160"/>
      <c r="G110" s="161"/>
    </row>
    <row r="111" spans="1:7" s="4" customFormat="1" ht="25.5" customHeight="1" x14ac:dyDescent="0.25">
      <c r="A111" s="68">
        <v>44752</v>
      </c>
      <c r="B111" s="89" t="s">
        <v>133</v>
      </c>
      <c r="C111" s="61"/>
      <c r="D111" s="77"/>
      <c r="E111" s="48"/>
      <c r="F111" s="160"/>
      <c r="G111" s="161"/>
    </row>
    <row r="112" spans="1:7" s="4" customFormat="1" ht="25.5" customHeight="1" x14ac:dyDescent="0.25">
      <c r="A112" s="68">
        <v>44783</v>
      </c>
      <c r="B112" s="89" t="s">
        <v>134</v>
      </c>
      <c r="C112" s="61"/>
      <c r="D112" s="77"/>
      <c r="E112" s="48"/>
      <c r="F112" s="160"/>
      <c r="G112" s="161"/>
    </row>
    <row r="113" spans="1:9" s="4" customFormat="1" ht="25.5" customHeight="1" x14ac:dyDescent="0.25">
      <c r="A113" s="68">
        <v>44814</v>
      </c>
      <c r="B113" s="89" t="s">
        <v>135</v>
      </c>
      <c r="C113" s="61"/>
      <c r="D113" s="77"/>
      <c r="E113" s="48"/>
      <c r="F113" s="160"/>
      <c r="G113" s="161"/>
    </row>
    <row r="114" spans="1:9" s="4" customFormat="1" ht="25.5" customHeight="1" x14ac:dyDescent="0.25">
      <c r="A114" s="189" t="s">
        <v>174</v>
      </c>
      <c r="B114" s="167"/>
      <c r="C114" s="112"/>
      <c r="D114" s="115"/>
      <c r="E114" s="101" t="s">
        <v>70</v>
      </c>
      <c r="F114" s="187"/>
      <c r="G114" s="188"/>
    </row>
    <row r="115" spans="1:9" s="4" customFormat="1" ht="48" customHeight="1" x14ac:dyDescent="0.25">
      <c r="A115" s="97">
        <v>44572</v>
      </c>
      <c r="B115" s="61" t="s">
        <v>197</v>
      </c>
      <c r="C115" s="61"/>
      <c r="D115" s="77"/>
      <c r="E115" s="48"/>
      <c r="F115" s="160"/>
      <c r="G115" s="161"/>
    </row>
    <row r="116" spans="1:9" s="4" customFormat="1" ht="25.5" customHeight="1" x14ac:dyDescent="0.25">
      <c r="A116" s="166" t="s">
        <v>202</v>
      </c>
      <c r="B116" s="167"/>
      <c r="C116" s="112"/>
      <c r="D116" s="115"/>
      <c r="E116" s="101" t="s">
        <v>70</v>
      </c>
      <c r="F116" s="187"/>
      <c r="G116" s="188"/>
    </row>
    <row r="117" spans="1:9" s="4" customFormat="1" ht="25.5" customHeight="1" x14ac:dyDescent="0.25">
      <c r="A117" s="97">
        <v>44573</v>
      </c>
      <c r="B117" s="93" t="s">
        <v>136</v>
      </c>
      <c r="C117" s="61"/>
      <c r="D117" s="77"/>
      <c r="E117" s="48"/>
      <c r="F117" s="160"/>
      <c r="G117" s="161"/>
    </row>
    <row r="118" spans="1:9" s="4" customFormat="1" ht="27" customHeight="1" x14ac:dyDescent="0.25">
      <c r="A118" s="130" t="s">
        <v>175</v>
      </c>
      <c r="B118" s="93" t="s">
        <v>139</v>
      </c>
      <c r="C118" s="61"/>
      <c r="D118" s="77"/>
      <c r="E118" s="48"/>
      <c r="F118" s="160"/>
      <c r="G118" s="161"/>
    </row>
    <row r="119" spans="1:9" s="4" customFormat="1" ht="25.5" customHeight="1" x14ac:dyDescent="0.25">
      <c r="A119" s="130" t="s">
        <v>176</v>
      </c>
      <c r="B119" s="93" t="s">
        <v>137</v>
      </c>
      <c r="C119" s="61"/>
      <c r="D119" s="77"/>
      <c r="E119" s="48"/>
      <c r="F119" s="160"/>
      <c r="G119" s="161"/>
      <c r="I119" s="131"/>
    </row>
    <row r="120" spans="1:9" s="4" customFormat="1" ht="25.5" customHeight="1" x14ac:dyDescent="0.25">
      <c r="A120" s="130" t="s">
        <v>177</v>
      </c>
      <c r="B120" s="93" t="s">
        <v>138</v>
      </c>
      <c r="C120" s="61"/>
      <c r="D120" s="77"/>
      <c r="E120" s="48"/>
      <c r="F120" s="160"/>
      <c r="G120" s="161"/>
      <c r="I120" s="131"/>
    </row>
    <row r="121" spans="1:9" s="4" customFormat="1" ht="25.5" customHeight="1" x14ac:dyDescent="0.25">
      <c r="A121" s="130" t="s">
        <v>178</v>
      </c>
      <c r="B121" s="93" t="s">
        <v>150</v>
      </c>
      <c r="C121" s="61"/>
      <c r="D121" s="77"/>
      <c r="E121" s="48"/>
      <c r="F121" s="160"/>
      <c r="G121" s="161"/>
    </row>
    <row r="122" spans="1:9" s="4" customFormat="1" ht="25.5" customHeight="1" x14ac:dyDescent="0.25">
      <c r="A122" s="130" t="s">
        <v>179</v>
      </c>
      <c r="B122" s="93" t="s">
        <v>151</v>
      </c>
      <c r="C122" s="61"/>
      <c r="D122" s="77"/>
      <c r="E122" s="48"/>
      <c r="F122" s="160"/>
      <c r="G122" s="161"/>
    </row>
    <row r="123" spans="1:9" s="4" customFormat="1" ht="25.5" customHeight="1" x14ac:dyDescent="0.25">
      <c r="A123" s="189" t="s">
        <v>203</v>
      </c>
      <c r="B123" s="167"/>
      <c r="C123" s="112"/>
      <c r="D123" s="115"/>
      <c r="E123" s="101" t="s">
        <v>70</v>
      </c>
      <c r="F123" s="187"/>
      <c r="G123" s="188"/>
    </row>
    <row r="124" spans="1:9" s="4" customFormat="1" ht="25.5" customHeight="1" x14ac:dyDescent="0.25">
      <c r="A124" s="99" t="s">
        <v>185</v>
      </c>
      <c r="B124" s="89" t="s">
        <v>140</v>
      </c>
      <c r="C124" s="61"/>
      <c r="D124" s="77"/>
      <c r="E124" s="48"/>
      <c r="F124" s="160"/>
      <c r="G124" s="161"/>
    </row>
    <row r="125" spans="1:9" s="4" customFormat="1" ht="25.5" customHeight="1" x14ac:dyDescent="0.25">
      <c r="A125" s="168" t="s">
        <v>186</v>
      </c>
      <c r="B125" s="169"/>
      <c r="C125" s="112"/>
      <c r="D125" s="115"/>
      <c r="E125" s="101" t="s">
        <v>70</v>
      </c>
      <c r="F125" s="141"/>
      <c r="G125" s="142"/>
    </row>
    <row r="126" spans="1:9" s="4" customFormat="1" ht="25.5" customHeight="1" x14ac:dyDescent="0.25">
      <c r="A126" s="130" t="s">
        <v>187</v>
      </c>
      <c r="B126" s="132" t="s">
        <v>188</v>
      </c>
      <c r="C126" s="61"/>
      <c r="D126" s="77"/>
      <c r="E126" s="48"/>
      <c r="F126" s="91"/>
      <c r="G126" s="92"/>
    </row>
    <row r="127" spans="1:9" s="4" customFormat="1" ht="25.5" customHeight="1" x14ac:dyDescent="0.25">
      <c r="A127" s="130" t="s">
        <v>189</v>
      </c>
      <c r="B127" s="132" t="s">
        <v>190</v>
      </c>
      <c r="C127" s="61"/>
      <c r="D127" s="77"/>
      <c r="E127" s="48"/>
      <c r="F127" s="91"/>
      <c r="G127" s="92"/>
    </row>
    <row r="128" spans="1:9" s="4" customFormat="1" ht="25.5" customHeight="1" x14ac:dyDescent="0.25">
      <c r="A128" s="130" t="s">
        <v>191</v>
      </c>
      <c r="B128" s="132" t="s">
        <v>194</v>
      </c>
      <c r="C128" s="61"/>
      <c r="D128" s="77"/>
      <c r="E128" s="48"/>
      <c r="F128" s="91"/>
      <c r="G128" s="92"/>
    </row>
    <row r="129" spans="1:12" s="4" customFormat="1" ht="25.5" customHeight="1" x14ac:dyDescent="0.25">
      <c r="A129" s="130" t="s">
        <v>192</v>
      </c>
      <c r="B129" s="132" t="s">
        <v>196</v>
      </c>
      <c r="C129" s="61"/>
      <c r="D129" s="77"/>
      <c r="E129" s="48"/>
      <c r="F129" s="91"/>
      <c r="G129" s="92"/>
    </row>
    <row r="130" spans="1:12" s="4" customFormat="1" ht="25.5" customHeight="1" x14ac:dyDescent="0.25">
      <c r="A130" s="130" t="s">
        <v>193</v>
      </c>
      <c r="B130" s="132" t="s">
        <v>195</v>
      </c>
      <c r="C130" s="61"/>
      <c r="D130" s="77"/>
      <c r="E130" s="48"/>
      <c r="F130" s="91"/>
      <c r="G130" s="92"/>
    </row>
    <row r="131" spans="1:12" s="4" customFormat="1" ht="25.5" customHeight="1" x14ac:dyDescent="0.25">
      <c r="A131" s="166" t="s">
        <v>141</v>
      </c>
      <c r="B131" s="167"/>
      <c r="C131" s="112"/>
      <c r="D131" s="115"/>
      <c r="E131" s="101" t="s">
        <v>70</v>
      </c>
      <c r="F131" s="141"/>
      <c r="G131" s="142"/>
    </row>
    <row r="132" spans="1:12" s="4" customFormat="1" ht="25.5" customHeight="1" x14ac:dyDescent="0.25">
      <c r="A132" s="133">
        <v>44576</v>
      </c>
      <c r="B132" s="93" t="s">
        <v>198</v>
      </c>
      <c r="C132" s="61"/>
      <c r="D132" s="77"/>
      <c r="E132" s="48"/>
      <c r="F132" s="91"/>
      <c r="G132" s="92"/>
    </row>
    <row r="133" spans="1:12" s="4" customFormat="1" ht="25.5" customHeight="1" x14ac:dyDescent="0.25">
      <c r="A133" s="97">
        <v>44607</v>
      </c>
      <c r="B133" s="61" t="s">
        <v>182</v>
      </c>
      <c r="C133" s="61"/>
      <c r="D133" s="77"/>
      <c r="E133" s="48"/>
      <c r="F133" s="91"/>
      <c r="G133" s="92"/>
    </row>
    <row r="134" spans="1:12" s="4" customFormat="1" ht="25.5" customHeight="1" x14ac:dyDescent="0.25">
      <c r="A134" s="97">
        <v>44635</v>
      </c>
      <c r="B134" s="61" t="s">
        <v>183</v>
      </c>
      <c r="C134" s="61"/>
      <c r="D134" s="77"/>
      <c r="E134" s="48"/>
      <c r="F134" s="91"/>
      <c r="G134" s="92"/>
    </row>
    <row r="135" spans="1:12" s="4" customFormat="1" ht="25.5" customHeight="1" x14ac:dyDescent="0.25">
      <c r="A135" s="97">
        <v>44666</v>
      </c>
      <c r="B135" s="61" t="s">
        <v>201</v>
      </c>
      <c r="C135" s="61"/>
      <c r="D135" s="77"/>
      <c r="E135" s="48"/>
      <c r="F135" s="91"/>
      <c r="G135" s="92"/>
    </row>
    <row r="136" spans="1:12" s="4" customFormat="1" ht="25.5" customHeight="1" x14ac:dyDescent="0.25">
      <c r="A136" s="133">
        <v>44696</v>
      </c>
      <c r="B136" s="61" t="s">
        <v>142</v>
      </c>
      <c r="C136" s="61"/>
      <c r="D136" s="77"/>
      <c r="E136" s="48"/>
      <c r="F136" s="91"/>
      <c r="G136" s="92"/>
    </row>
    <row r="137" spans="1:12" s="4" customFormat="1" ht="25.5" customHeight="1" x14ac:dyDescent="0.25">
      <c r="A137" s="133">
        <v>44727</v>
      </c>
      <c r="B137" s="61" t="s">
        <v>180</v>
      </c>
      <c r="C137" s="61"/>
      <c r="D137" s="77"/>
      <c r="E137" s="48"/>
      <c r="F137" s="91"/>
      <c r="G137" s="92"/>
    </row>
    <row r="138" spans="1:12" s="4" customFormat="1" ht="25.5" customHeight="1" x14ac:dyDescent="0.25">
      <c r="A138" s="97">
        <v>44757</v>
      </c>
      <c r="B138" s="61" t="s">
        <v>181</v>
      </c>
      <c r="C138" s="61"/>
      <c r="D138" s="77"/>
      <c r="E138" s="48"/>
      <c r="F138" s="91"/>
      <c r="G138" s="92"/>
    </row>
    <row r="139" spans="1:12" s="4" customFormat="1" ht="24.95" customHeight="1" x14ac:dyDescent="0.25">
      <c r="A139" s="134" t="s">
        <v>204</v>
      </c>
      <c r="B139" s="118" t="s">
        <v>148</v>
      </c>
      <c r="C139" s="61"/>
      <c r="D139" s="61"/>
      <c r="E139" s="48"/>
      <c r="F139" s="160"/>
      <c r="G139" s="161"/>
      <c r="H139" s="158"/>
      <c r="I139" s="159"/>
      <c r="J139" s="159"/>
      <c r="K139" s="159"/>
      <c r="L139" s="159"/>
    </row>
    <row r="140" spans="1:12" s="4" customFormat="1" ht="24" customHeight="1" x14ac:dyDescent="0.25">
      <c r="A140" s="134" t="s">
        <v>205</v>
      </c>
      <c r="B140" s="118" t="s">
        <v>184</v>
      </c>
      <c r="C140" s="61"/>
      <c r="D140" s="61"/>
      <c r="E140" s="48"/>
      <c r="F140" s="160"/>
      <c r="G140" s="161"/>
      <c r="H140" s="158"/>
      <c r="I140" s="159"/>
      <c r="J140" s="159"/>
      <c r="K140" s="159"/>
      <c r="L140" s="159"/>
    </row>
    <row r="141" spans="1:12" s="4" customFormat="1" ht="21.75" customHeight="1" thickBot="1" x14ac:dyDescent="0.3">
      <c r="A141" s="135" t="s">
        <v>206</v>
      </c>
      <c r="B141" s="136" t="s">
        <v>143</v>
      </c>
      <c r="C141" s="66"/>
      <c r="D141" s="66"/>
      <c r="E141" s="80"/>
      <c r="F141" s="182"/>
      <c r="G141" s="183"/>
      <c r="H141" s="158"/>
      <c r="I141" s="159"/>
      <c r="J141" s="159"/>
      <c r="K141" s="159"/>
      <c r="L141" s="159"/>
    </row>
    <row r="142" spans="1:12" s="3" customFormat="1" ht="5.0999999999999996" customHeight="1" x14ac:dyDescent="0.25">
      <c r="A142" s="5"/>
      <c r="B142" s="5"/>
      <c r="C142" s="5"/>
      <c r="D142" s="5"/>
      <c r="E142" s="7"/>
      <c r="F142" s="7"/>
      <c r="G142" s="27"/>
    </row>
    <row r="143" spans="1:12" s="2" customFormat="1" ht="20.100000000000001" customHeight="1" x14ac:dyDescent="0.25">
      <c r="A143" s="181" t="s">
        <v>49</v>
      </c>
      <c r="B143" s="181"/>
      <c r="C143" s="181"/>
      <c r="D143" s="181"/>
      <c r="E143" s="181"/>
      <c r="F143" s="181"/>
      <c r="G143" s="181"/>
    </row>
    <row r="144" spans="1:12" s="2" customFormat="1" ht="5.0999999999999996" customHeight="1" thickBot="1" x14ac:dyDescent="0.3">
      <c r="A144" s="15"/>
      <c r="E144" s="6"/>
      <c r="F144" s="6"/>
      <c r="G144" s="6"/>
    </row>
    <row r="145" spans="1:7" s="3" customFormat="1" ht="69" customHeight="1" x14ac:dyDescent="0.25">
      <c r="A145" s="175" t="s">
        <v>8</v>
      </c>
      <c r="B145" s="176"/>
      <c r="C145" s="176"/>
      <c r="D145" s="177"/>
      <c r="E145" s="230" t="s">
        <v>29</v>
      </c>
      <c r="F145" s="230"/>
      <c r="G145" s="231"/>
    </row>
    <row r="146" spans="1:7" s="3" customFormat="1" ht="30" customHeight="1" thickBot="1" x14ac:dyDescent="0.3">
      <c r="A146" s="178"/>
      <c r="B146" s="179"/>
      <c r="C146" s="179"/>
      <c r="D146" s="180"/>
      <c r="E146" s="120" t="s">
        <v>7</v>
      </c>
      <c r="F146" s="232" t="s">
        <v>30</v>
      </c>
      <c r="G146" s="233"/>
    </row>
    <row r="147" spans="1:7" s="2" customFormat="1" ht="24" customHeight="1" x14ac:dyDescent="0.25">
      <c r="A147" s="143" t="s">
        <v>207</v>
      </c>
      <c r="B147" s="253" t="s">
        <v>208</v>
      </c>
      <c r="C147" s="254"/>
      <c r="D147" s="255"/>
      <c r="E147" s="42"/>
      <c r="F147" s="162"/>
      <c r="G147" s="163"/>
    </row>
    <row r="148" spans="1:7" s="2" customFormat="1" ht="24" customHeight="1" x14ac:dyDescent="0.25">
      <c r="A148" s="144" t="s">
        <v>209</v>
      </c>
      <c r="B148" s="172" t="s">
        <v>210</v>
      </c>
      <c r="C148" s="173"/>
      <c r="D148" s="174"/>
      <c r="E148" s="42"/>
      <c r="F148" s="164"/>
      <c r="G148" s="165"/>
    </row>
    <row r="149" spans="1:7" s="2" customFormat="1" ht="24" customHeight="1" x14ac:dyDescent="0.25">
      <c r="A149" s="145" t="s">
        <v>211</v>
      </c>
      <c r="B149" s="184" t="s">
        <v>212</v>
      </c>
      <c r="C149" s="185"/>
      <c r="D149" s="186"/>
      <c r="E149" s="137"/>
      <c r="F149" s="164"/>
      <c r="G149" s="165"/>
    </row>
    <row r="150" spans="1:7" s="2" customFormat="1" ht="24" customHeight="1" x14ac:dyDescent="0.25">
      <c r="A150" s="145" t="s">
        <v>213</v>
      </c>
      <c r="B150" s="257" t="s">
        <v>214</v>
      </c>
      <c r="C150" s="258"/>
      <c r="D150" s="259"/>
      <c r="E150" s="42"/>
      <c r="F150" s="164"/>
      <c r="G150" s="165"/>
    </row>
    <row r="151" spans="1:7" s="2" customFormat="1" ht="23.25" customHeight="1" x14ac:dyDescent="0.25">
      <c r="A151" s="145" t="s">
        <v>215</v>
      </c>
      <c r="B151" s="257" t="s">
        <v>216</v>
      </c>
      <c r="C151" s="258"/>
      <c r="D151" s="259"/>
      <c r="E151" s="42"/>
      <c r="F151" s="164"/>
      <c r="G151" s="165"/>
    </row>
    <row r="152" spans="1:7" s="2" customFormat="1" ht="42" customHeight="1" x14ac:dyDescent="0.25">
      <c r="A152" s="145" t="s">
        <v>217</v>
      </c>
      <c r="B152" s="257" t="s">
        <v>218</v>
      </c>
      <c r="C152" s="258"/>
      <c r="D152" s="259"/>
      <c r="E152" s="42"/>
      <c r="F152" s="164"/>
      <c r="G152" s="165"/>
    </row>
    <row r="153" spans="1:7" s="2" customFormat="1" ht="30" customHeight="1" x14ac:dyDescent="0.25">
      <c r="A153" s="145" t="s">
        <v>219</v>
      </c>
      <c r="B153" s="257" t="s">
        <v>220</v>
      </c>
      <c r="C153" s="258"/>
      <c r="D153" s="259"/>
      <c r="E153" s="137"/>
      <c r="F153" s="164"/>
      <c r="G153" s="165"/>
    </row>
    <row r="154" spans="1:7" s="2" customFormat="1" ht="112.5" customHeight="1" x14ac:dyDescent="0.25">
      <c r="A154" s="146" t="s">
        <v>221</v>
      </c>
      <c r="B154" s="260" t="s">
        <v>222</v>
      </c>
      <c r="C154" s="261"/>
      <c r="D154" s="262"/>
      <c r="E154" s="42"/>
      <c r="F154" s="164"/>
      <c r="G154" s="165"/>
    </row>
    <row r="155" spans="1:7" s="2" customFormat="1" ht="29.25" customHeight="1" x14ac:dyDescent="0.25">
      <c r="A155" s="147" t="s">
        <v>223</v>
      </c>
      <c r="B155" s="172" t="s">
        <v>224</v>
      </c>
      <c r="C155" s="173"/>
      <c r="D155" s="174"/>
      <c r="E155" s="42"/>
      <c r="F155" s="162"/>
      <c r="G155" s="163"/>
    </row>
    <row r="156" spans="1:7" s="2" customFormat="1" ht="70.5" customHeight="1" x14ac:dyDescent="0.25">
      <c r="A156" s="85" t="s">
        <v>225</v>
      </c>
      <c r="B156" s="172" t="s">
        <v>226</v>
      </c>
      <c r="C156" s="173" t="s">
        <v>227</v>
      </c>
      <c r="D156" s="174" t="s">
        <v>227</v>
      </c>
      <c r="E156" s="42"/>
      <c r="F156" s="162"/>
      <c r="G156" s="163"/>
    </row>
    <row r="157" spans="1:7" s="2" customFormat="1" ht="48" customHeight="1" x14ac:dyDescent="0.25">
      <c r="A157" s="147" t="s">
        <v>228</v>
      </c>
      <c r="B157" s="172" t="s">
        <v>229</v>
      </c>
      <c r="C157" s="173" t="s">
        <v>230</v>
      </c>
      <c r="D157" s="174" t="s">
        <v>230</v>
      </c>
      <c r="E157" s="42"/>
      <c r="F157" s="162"/>
      <c r="G157" s="163"/>
    </row>
    <row r="158" spans="1:7" s="2" customFormat="1" ht="45" customHeight="1" x14ac:dyDescent="0.25">
      <c r="A158" s="147" t="s">
        <v>231</v>
      </c>
      <c r="B158" s="172" t="s">
        <v>232</v>
      </c>
      <c r="C158" s="173" t="s">
        <v>233</v>
      </c>
      <c r="D158" s="174" t="s">
        <v>233</v>
      </c>
      <c r="E158" s="42"/>
      <c r="F158" s="162"/>
      <c r="G158" s="163"/>
    </row>
    <row r="159" spans="1:7" s="2" customFormat="1" ht="40.5" customHeight="1" x14ac:dyDescent="0.25">
      <c r="A159" s="147" t="s">
        <v>234</v>
      </c>
      <c r="B159" s="172" t="s">
        <v>235</v>
      </c>
      <c r="C159" s="173" t="s">
        <v>235</v>
      </c>
      <c r="D159" s="174" t="s">
        <v>235</v>
      </c>
      <c r="E159" s="42"/>
      <c r="F159" s="162"/>
      <c r="G159" s="163"/>
    </row>
    <row r="160" spans="1:7" s="2" customFormat="1" ht="50.25" customHeight="1" x14ac:dyDescent="0.25">
      <c r="A160" s="147" t="s">
        <v>236</v>
      </c>
      <c r="B160" s="172" t="s">
        <v>237</v>
      </c>
      <c r="C160" s="173" t="s">
        <v>238</v>
      </c>
      <c r="D160" s="174" t="s">
        <v>238</v>
      </c>
      <c r="E160" s="42"/>
      <c r="F160" s="162"/>
      <c r="G160" s="163"/>
    </row>
    <row r="161" spans="1:7" s="2" customFormat="1" ht="54.75" customHeight="1" x14ac:dyDescent="0.25">
      <c r="A161" s="147" t="s">
        <v>239</v>
      </c>
      <c r="B161" s="172" t="s">
        <v>240</v>
      </c>
      <c r="C161" s="173" t="s">
        <v>240</v>
      </c>
      <c r="D161" s="174" t="s">
        <v>240</v>
      </c>
      <c r="E161" s="42"/>
      <c r="F161" s="162"/>
      <c r="G161" s="163"/>
    </row>
    <row r="162" spans="1:7" s="2" customFormat="1" ht="79.5" customHeight="1" x14ac:dyDescent="0.25">
      <c r="A162" s="148" t="s">
        <v>241</v>
      </c>
      <c r="B162" s="172" t="s">
        <v>332</v>
      </c>
      <c r="C162" s="173" t="s">
        <v>242</v>
      </c>
      <c r="D162" s="174" t="s">
        <v>242</v>
      </c>
      <c r="E162" s="42"/>
      <c r="F162" s="162"/>
      <c r="G162" s="163"/>
    </row>
    <row r="163" spans="1:7" s="2" customFormat="1" ht="73.5" customHeight="1" x14ac:dyDescent="0.25">
      <c r="A163" s="149" t="s">
        <v>243</v>
      </c>
      <c r="B163" s="172" t="s">
        <v>244</v>
      </c>
      <c r="C163" s="173" t="s">
        <v>245</v>
      </c>
      <c r="D163" s="174" t="s">
        <v>245</v>
      </c>
      <c r="E163" s="42"/>
      <c r="F163" s="162"/>
      <c r="G163" s="163"/>
    </row>
    <row r="164" spans="1:7" s="2" customFormat="1" ht="117.75" customHeight="1" x14ac:dyDescent="0.25">
      <c r="A164" s="150" t="s">
        <v>246</v>
      </c>
      <c r="B164" s="172" t="s">
        <v>247</v>
      </c>
      <c r="C164" s="173" t="s">
        <v>247</v>
      </c>
      <c r="D164" s="174" t="s">
        <v>247</v>
      </c>
      <c r="E164" s="42"/>
      <c r="F164" s="162"/>
      <c r="G164" s="163"/>
    </row>
    <row r="165" spans="1:7" s="2" customFormat="1" ht="43.5" customHeight="1" x14ac:dyDescent="0.25">
      <c r="A165" s="151" t="s">
        <v>248</v>
      </c>
      <c r="B165" s="172" t="s">
        <v>249</v>
      </c>
      <c r="C165" s="173" t="s">
        <v>249</v>
      </c>
      <c r="D165" s="174" t="s">
        <v>249</v>
      </c>
      <c r="E165" s="42"/>
      <c r="F165" s="162"/>
      <c r="G165" s="163"/>
    </row>
    <row r="166" spans="1:7" s="2" customFormat="1" ht="57.75" customHeight="1" x14ac:dyDescent="0.25">
      <c r="A166" s="152" t="s">
        <v>250</v>
      </c>
      <c r="B166" s="172" t="s">
        <v>251</v>
      </c>
      <c r="C166" s="173" t="s">
        <v>251</v>
      </c>
      <c r="D166" s="174" t="s">
        <v>251</v>
      </c>
      <c r="E166" s="42"/>
      <c r="F166" s="162"/>
      <c r="G166" s="163"/>
    </row>
    <row r="167" spans="1:7" s="2" customFormat="1" ht="68.25" customHeight="1" x14ac:dyDescent="0.25">
      <c r="A167" s="85" t="s">
        <v>252</v>
      </c>
      <c r="B167" s="172" t="s">
        <v>253</v>
      </c>
      <c r="C167" s="173" t="s">
        <v>254</v>
      </c>
      <c r="D167" s="174" t="s">
        <v>254</v>
      </c>
      <c r="E167" s="42"/>
      <c r="F167" s="162"/>
      <c r="G167" s="163"/>
    </row>
    <row r="168" spans="1:7" s="2" customFormat="1" ht="70.5" customHeight="1" x14ac:dyDescent="0.25">
      <c r="A168" s="153" t="s">
        <v>255</v>
      </c>
      <c r="B168" s="172" t="s">
        <v>256</v>
      </c>
      <c r="C168" s="173" t="s">
        <v>257</v>
      </c>
      <c r="D168" s="174" t="s">
        <v>257</v>
      </c>
      <c r="E168" s="42"/>
      <c r="F168" s="162"/>
      <c r="G168" s="163"/>
    </row>
    <row r="169" spans="1:7" s="2" customFormat="1" ht="24" customHeight="1" x14ac:dyDescent="0.25">
      <c r="A169" s="151" t="s">
        <v>258</v>
      </c>
      <c r="B169" s="172" t="s">
        <v>259</v>
      </c>
      <c r="C169" s="173" t="s">
        <v>260</v>
      </c>
      <c r="D169" s="174" t="s">
        <v>260</v>
      </c>
      <c r="E169" s="42"/>
      <c r="F169" s="162"/>
      <c r="G169" s="163"/>
    </row>
    <row r="170" spans="1:7" s="2" customFormat="1" ht="35.25" customHeight="1" x14ac:dyDescent="0.25">
      <c r="A170" s="151" t="s">
        <v>261</v>
      </c>
      <c r="B170" s="172" t="s">
        <v>262</v>
      </c>
      <c r="C170" s="173" t="s">
        <v>262</v>
      </c>
      <c r="D170" s="174" t="s">
        <v>262</v>
      </c>
      <c r="E170" s="42"/>
      <c r="F170" s="162"/>
      <c r="G170" s="163"/>
    </row>
    <row r="171" spans="1:7" s="2" customFormat="1" ht="43.5" customHeight="1" x14ac:dyDescent="0.25">
      <c r="A171" s="151" t="s">
        <v>263</v>
      </c>
      <c r="B171" s="172" t="s">
        <v>264</v>
      </c>
      <c r="C171" s="173" t="s">
        <v>265</v>
      </c>
      <c r="D171" s="174" t="s">
        <v>265</v>
      </c>
      <c r="E171" s="42"/>
      <c r="F171" s="162"/>
      <c r="G171" s="163"/>
    </row>
    <row r="172" spans="1:7" s="2" customFormat="1" ht="33.75" customHeight="1" x14ac:dyDescent="0.25">
      <c r="A172" s="151" t="s">
        <v>266</v>
      </c>
      <c r="B172" s="172" t="s">
        <v>267</v>
      </c>
      <c r="C172" s="173" t="s">
        <v>268</v>
      </c>
      <c r="D172" s="174" t="s">
        <v>268</v>
      </c>
      <c r="E172" s="42"/>
      <c r="F172" s="162"/>
      <c r="G172" s="163"/>
    </row>
    <row r="173" spans="1:7" s="2" customFormat="1" ht="27.75" customHeight="1" x14ac:dyDescent="0.25">
      <c r="A173" s="151" t="s">
        <v>269</v>
      </c>
      <c r="B173" s="172" t="s">
        <v>270</v>
      </c>
      <c r="C173" s="173" t="s">
        <v>271</v>
      </c>
      <c r="D173" s="174" t="s">
        <v>271</v>
      </c>
      <c r="E173" s="42"/>
      <c r="F173" s="162"/>
      <c r="G173" s="163"/>
    </row>
    <row r="174" spans="1:7" s="2" customFormat="1" ht="43.5" customHeight="1" x14ac:dyDescent="0.25">
      <c r="A174" s="151" t="s">
        <v>272</v>
      </c>
      <c r="B174" s="172" t="s">
        <v>331</v>
      </c>
      <c r="C174" s="173" t="s">
        <v>273</v>
      </c>
      <c r="D174" s="174" t="s">
        <v>273</v>
      </c>
      <c r="E174" s="42"/>
      <c r="F174" s="162"/>
      <c r="G174" s="163"/>
    </row>
    <row r="175" spans="1:7" s="2" customFormat="1" ht="21" customHeight="1" x14ac:dyDescent="0.25">
      <c r="A175" s="151" t="s">
        <v>274</v>
      </c>
      <c r="B175" s="172" t="s">
        <v>275</v>
      </c>
      <c r="C175" s="173" t="s">
        <v>275</v>
      </c>
      <c r="D175" s="174" t="s">
        <v>275</v>
      </c>
      <c r="E175" s="42"/>
      <c r="F175" s="162"/>
      <c r="G175" s="163"/>
    </row>
    <row r="176" spans="1:7" s="2" customFormat="1" ht="28.5" customHeight="1" x14ac:dyDescent="0.25">
      <c r="A176" s="151" t="s">
        <v>276</v>
      </c>
      <c r="B176" s="172" t="s">
        <v>277</v>
      </c>
      <c r="C176" s="173" t="s">
        <v>278</v>
      </c>
      <c r="D176" s="174" t="s">
        <v>278</v>
      </c>
      <c r="E176" s="42"/>
      <c r="F176" s="162"/>
      <c r="G176" s="163"/>
    </row>
    <row r="177" spans="1:7" s="2" customFormat="1" ht="37.5" customHeight="1" x14ac:dyDescent="0.25">
      <c r="A177" s="151" t="s">
        <v>279</v>
      </c>
      <c r="B177" s="172" t="s">
        <v>280</v>
      </c>
      <c r="C177" s="173" t="s">
        <v>281</v>
      </c>
      <c r="D177" s="174" t="s">
        <v>281</v>
      </c>
      <c r="E177" s="42"/>
      <c r="F177" s="162"/>
      <c r="G177" s="163"/>
    </row>
    <row r="178" spans="1:7" s="2" customFormat="1" ht="40.5" customHeight="1" x14ac:dyDescent="0.25">
      <c r="A178" s="154" t="s">
        <v>282</v>
      </c>
      <c r="B178" s="172" t="s">
        <v>283</v>
      </c>
      <c r="C178" s="173" t="s">
        <v>284</v>
      </c>
      <c r="D178" s="174" t="s">
        <v>284</v>
      </c>
      <c r="E178" s="137"/>
      <c r="F178" s="164"/>
      <c r="G178" s="165"/>
    </row>
    <row r="179" spans="1:7" s="2" customFormat="1" ht="41.25" customHeight="1" x14ac:dyDescent="0.25">
      <c r="A179" s="155" t="s">
        <v>285</v>
      </c>
      <c r="B179" s="172" t="s">
        <v>286</v>
      </c>
      <c r="C179" s="173" t="s">
        <v>287</v>
      </c>
      <c r="D179" s="174" t="s">
        <v>287</v>
      </c>
      <c r="E179" s="16"/>
      <c r="F179" s="164"/>
      <c r="G179" s="165"/>
    </row>
    <row r="180" spans="1:7" s="2" customFormat="1" ht="49.5" customHeight="1" x14ac:dyDescent="0.25">
      <c r="A180" s="156" t="s">
        <v>288</v>
      </c>
      <c r="B180" s="172" t="s">
        <v>289</v>
      </c>
      <c r="C180" s="173" t="s">
        <v>290</v>
      </c>
      <c r="D180" s="174" t="s">
        <v>290</v>
      </c>
      <c r="E180" s="137"/>
      <c r="F180" s="164"/>
      <c r="G180" s="165"/>
    </row>
    <row r="181" spans="1:7" s="2" customFormat="1" ht="24.95" customHeight="1" x14ac:dyDescent="0.25">
      <c r="A181" s="153" t="s">
        <v>291</v>
      </c>
      <c r="B181" s="172" t="s">
        <v>292</v>
      </c>
      <c r="C181" s="173" t="s">
        <v>292</v>
      </c>
      <c r="D181" s="174" t="s">
        <v>292</v>
      </c>
      <c r="E181" s="42"/>
      <c r="F181" s="162"/>
      <c r="G181" s="163"/>
    </row>
    <row r="182" spans="1:7" s="2" customFormat="1" ht="24.95" customHeight="1" x14ac:dyDescent="0.25">
      <c r="A182" s="151" t="s">
        <v>293</v>
      </c>
      <c r="B182" s="172" t="s">
        <v>294</v>
      </c>
      <c r="C182" s="173" t="s">
        <v>294</v>
      </c>
      <c r="D182" s="174" t="s">
        <v>294</v>
      </c>
      <c r="E182" s="42"/>
      <c r="F182" s="164"/>
      <c r="G182" s="165"/>
    </row>
    <row r="183" spans="1:7" s="2" customFormat="1" ht="24.95" customHeight="1" x14ac:dyDescent="0.25">
      <c r="A183" s="152" t="s">
        <v>295</v>
      </c>
      <c r="B183" s="172" t="s">
        <v>296</v>
      </c>
      <c r="C183" s="173" t="s">
        <v>296</v>
      </c>
      <c r="D183" s="174" t="s">
        <v>296</v>
      </c>
      <c r="E183" s="42"/>
      <c r="F183" s="170"/>
      <c r="G183" s="171"/>
    </row>
    <row r="184" spans="1:7" s="2" customFormat="1" ht="50.25" customHeight="1" x14ac:dyDescent="0.25">
      <c r="A184" s="150" t="s">
        <v>297</v>
      </c>
      <c r="B184" s="172" t="s">
        <v>298</v>
      </c>
      <c r="C184" s="173" t="s">
        <v>299</v>
      </c>
      <c r="D184" s="174" t="s">
        <v>299</v>
      </c>
      <c r="E184" s="42"/>
      <c r="F184" s="162"/>
      <c r="G184" s="163"/>
    </row>
    <row r="185" spans="1:7" s="2" customFormat="1" ht="43.5" customHeight="1" x14ac:dyDescent="0.25">
      <c r="A185" s="151" t="s">
        <v>300</v>
      </c>
      <c r="B185" s="172" t="s">
        <v>330</v>
      </c>
      <c r="C185" s="173" t="s">
        <v>301</v>
      </c>
      <c r="D185" s="174" t="s">
        <v>301</v>
      </c>
      <c r="E185" s="16"/>
      <c r="F185" s="164"/>
      <c r="G185" s="165"/>
    </row>
    <row r="186" spans="1:7" s="2" customFormat="1" ht="30.75" customHeight="1" x14ac:dyDescent="0.25">
      <c r="A186" s="152" t="s">
        <v>302</v>
      </c>
      <c r="B186" s="172" t="s">
        <v>329</v>
      </c>
      <c r="C186" s="173" t="s">
        <v>303</v>
      </c>
      <c r="D186" s="174" t="s">
        <v>303</v>
      </c>
      <c r="E186" s="16"/>
      <c r="F186" s="164"/>
      <c r="G186" s="165"/>
    </row>
    <row r="187" spans="1:7" s="2" customFormat="1" ht="97.5" customHeight="1" x14ac:dyDescent="0.25">
      <c r="A187" s="85" t="s">
        <v>304</v>
      </c>
      <c r="B187" s="172" t="s">
        <v>305</v>
      </c>
      <c r="C187" s="173" t="s">
        <v>306</v>
      </c>
      <c r="D187" s="174" t="s">
        <v>306</v>
      </c>
      <c r="E187" s="42"/>
      <c r="F187" s="162"/>
      <c r="G187" s="163"/>
    </row>
    <row r="188" spans="1:7" s="2" customFormat="1" ht="75.75" customHeight="1" x14ac:dyDescent="0.25">
      <c r="A188" s="85" t="s">
        <v>307</v>
      </c>
      <c r="B188" s="172" t="s">
        <v>308</v>
      </c>
      <c r="C188" s="173" t="s">
        <v>309</v>
      </c>
      <c r="D188" s="174" t="s">
        <v>309</v>
      </c>
      <c r="E188" s="42"/>
      <c r="F188" s="162"/>
      <c r="G188" s="163"/>
    </row>
    <row r="189" spans="1:7" s="2" customFormat="1" ht="42" customHeight="1" x14ac:dyDescent="0.25">
      <c r="A189" s="85" t="s">
        <v>310</v>
      </c>
      <c r="B189" s="172" t="s">
        <v>311</v>
      </c>
      <c r="C189" s="173" t="s">
        <v>311</v>
      </c>
      <c r="D189" s="174" t="s">
        <v>311</v>
      </c>
      <c r="E189" s="42"/>
      <c r="F189" s="162"/>
      <c r="G189" s="163"/>
    </row>
    <row r="190" spans="1:7" s="2" customFormat="1" ht="45" customHeight="1" x14ac:dyDescent="0.25">
      <c r="A190" s="87" t="s">
        <v>312</v>
      </c>
      <c r="B190" s="172" t="s">
        <v>313</v>
      </c>
      <c r="C190" s="173" t="s">
        <v>314</v>
      </c>
      <c r="D190" s="174" t="s">
        <v>314</v>
      </c>
      <c r="E190" s="42"/>
      <c r="F190" s="162"/>
      <c r="G190" s="163"/>
    </row>
    <row r="191" spans="1:7" s="2" customFormat="1" ht="66" customHeight="1" x14ac:dyDescent="0.25">
      <c r="A191" s="85" t="s">
        <v>315</v>
      </c>
      <c r="B191" s="172" t="s">
        <v>316</v>
      </c>
      <c r="C191" s="173" t="s">
        <v>316</v>
      </c>
      <c r="D191" s="174" t="s">
        <v>316</v>
      </c>
      <c r="E191" s="86"/>
      <c r="F191" s="162"/>
      <c r="G191" s="163"/>
    </row>
    <row r="192" spans="1:7" s="2" customFormat="1" ht="76.5" customHeight="1" x14ac:dyDescent="0.25">
      <c r="A192" s="85" t="s">
        <v>317</v>
      </c>
      <c r="B192" s="172" t="s">
        <v>328</v>
      </c>
      <c r="C192" s="173"/>
      <c r="D192" s="174"/>
      <c r="E192" s="86"/>
      <c r="F192" s="162"/>
      <c r="G192" s="163"/>
    </row>
    <row r="193" spans="1:8" s="2" customFormat="1" ht="57.75" customHeight="1" x14ac:dyDescent="0.25">
      <c r="A193" s="85" t="s">
        <v>318</v>
      </c>
      <c r="B193" s="172" t="s">
        <v>319</v>
      </c>
      <c r="C193" s="173" t="s">
        <v>319</v>
      </c>
      <c r="D193" s="174" t="s">
        <v>319</v>
      </c>
      <c r="E193" s="86"/>
      <c r="F193" s="162"/>
      <c r="G193" s="163"/>
    </row>
    <row r="194" spans="1:8" s="2" customFormat="1" ht="118.5" customHeight="1" x14ac:dyDescent="0.25">
      <c r="A194" s="85" t="s">
        <v>320</v>
      </c>
      <c r="B194" s="172" t="s">
        <v>321</v>
      </c>
      <c r="C194" s="173" t="s">
        <v>321</v>
      </c>
      <c r="D194" s="174" t="s">
        <v>321</v>
      </c>
      <c r="E194" s="86"/>
      <c r="F194" s="162"/>
      <c r="G194" s="163"/>
    </row>
    <row r="195" spans="1:8" s="2" customFormat="1" ht="60" customHeight="1" x14ac:dyDescent="0.25">
      <c r="A195" s="85" t="s">
        <v>322</v>
      </c>
      <c r="B195" s="172" t="s">
        <v>323</v>
      </c>
      <c r="C195" s="173" t="s">
        <v>323</v>
      </c>
      <c r="D195" s="174" t="s">
        <v>323</v>
      </c>
      <c r="E195" s="86"/>
      <c r="F195" s="162"/>
      <c r="G195" s="163"/>
    </row>
    <row r="196" spans="1:8" s="2" customFormat="1" ht="86.25" customHeight="1" x14ac:dyDescent="0.25">
      <c r="A196" s="85" t="s">
        <v>324</v>
      </c>
      <c r="B196" s="172" t="s">
        <v>325</v>
      </c>
      <c r="C196" s="173" t="s">
        <v>325</v>
      </c>
      <c r="D196" s="174" t="s">
        <v>325</v>
      </c>
      <c r="E196" s="86"/>
      <c r="F196" s="162"/>
      <c r="G196" s="163"/>
    </row>
    <row r="197" spans="1:8" s="2" customFormat="1" ht="47.25" customHeight="1" thickBot="1" x14ac:dyDescent="0.3">
      <c r="A197" s="148" t="s">
        <v>326</v>
      </c>
      <c r="B197" s="172" t="s">
        <v>327</v>
      </c>
      <c r="C197" s="173" t="s">
        <v>327</v>
      </c>
      <c r="D197" s="174" t="s">
        <v>327</v>
      </c>
      <c r="E197" s="43"/>
      <c r="F197" s="200"/>
      <c r="G197" s="201"/>
    </row>
    <row r="198" spans="1:8" s="3" customFormat="1" ht="5.0999999999999996" customHeight="1" x14ac:dyDescent="0.25">
      <c r="A198" s="5"/>
      <c r="B198" s="5"/>
      <c r="C198" s="5"/>
      <c r="D198" s="5"/>
      <c r="E198" s="7"/>
      <c r="F198" s="7"/>
      <c r="G198" s="27"/>
    </row>
    <row r="199" spans="1:8" s="2" customFormat="1" ht="20.100000000000001" customHeight="1" x14ac:dyDescent="0.25">
      <c r="A199" s="263" t="s">
        <v>55</v>
      </c>
      <c r="B199" s="263"/>
      <c r="C199" s="263"/>
      <c r="D199" s="263"/>
      <c r="E199" s="263"/>
      <c r="F199" s="263"/>
      <c r="G199" s="263"/>
      <c r="H199" s="239"/>
    </row>
    <row r="200" spans="1:8" s="2" customFormat="1" ht="4.5" customHeight="1" thickBot="1" x14ac:dyDescent="0.3">
      <c r="H200" s="239"/>
    </row>
    <row r="201" spans="1:8" s="2" customFormat="1" ht="80.25" customHeight="1" x14ac:dyDescent="0.25">
      <c r="A201" s="175" t="s">
        <v>60</v>
      </c>
      <c r="B201" s="176"/>
      <c r="C201" s="119"/>
      <c r="D201" s="119"/>
      <c r="E201" s="204" t="s">
        <v>56</v>
      </c>
      <c r="F201" s="205"/>
      <c r="G201" s="206"/>
      <c r="H201" s="239"/>
    </row>
    <row r="202" spans="1:8" s="3" customFormat="1" ht="29.25" customHeight="1" x14ac:dyDescent="0.25">
      <c r="A202" s="202"/>
      <c r="B202" s="203"/>
      <c r="C202" s="138"/>
      <c r="D202" s="138"/>
      <c r="E202" s="139" t="s">
        <v>7</v>
      </c>
      <c r="F202" s="207" t="s">
        <v>30</v>
      </c>
      <c r="G202" s="208"/>
      <c r="H202" s="239"/>
    </row>
    <row r="203" spans="1:8" s="3" customFormat="1" ht="27" customHeight="1" x14ac:dyDescent="0.25">
      <c r="A203" s="117" t="s">
        <v>31</v>
      </c>
      <c r="B203" s="162" t="s">
        <v>58</v>
      </c>
      <c r="C203" s="162"/>
      <c r="D203" s="162"/>
      <c r="E203" s="42"/>
      <c r="F203" s="162"/>
      <c r="G203" s="163"/>
      <c r="H203" s="239"/>
    </row>
    <row r="204" spans="1:8" s="3" customFormat="1" ht="24.95" customHeight="1" x14ac:dyDescent="0.25">
      <c r="A204" s="117" t="s">
        <v>32</v>
      </c>
      <c r="B204" s="211" t="s">
        <v>57</v>
      </c>
      <c r="C204" s="211"/>
      <c r="D204" s="211"/>
      <c r="E204" s="42"/>
      <c r="F204" s="162"/>
      <c r="G204" s="163"/>
      <c r="H204" s="239"/>
    </row>
    <row r="205" spans="1:8" s="3" customFormat="1" ht="31.5" customHeight="1" x14ac:dyDescent="0.25">
      <c r="A205" s="117" t="s">
        <v>33</v>
      </c>
      <c r="B205" s="211" t="s">
        <v>65</v>
      </c>
      <c r="C205" s="211"/>
      <c r="D205" s="211"/>
      <c r="E205" s="42"/>
      <c r="F205" s="162"/>
      <c r="G205" s="163"/>
      <c r="H205" s="239"/>
    </row>
    <row r="206" spans="1:8" s="2" customFormat="1" ht="25.5" customHeight="1" thickBot="1" x14ac:dyDescent="0.3">
      <c r="A206" s="140" t="s">
        <v>66</v>
      </c>
      <c r="B206" s="200" t="s">
        <v>199</v>
      </c>
      <c r="C206" s="200"/>
      <c r="D206" s="200"/>
      <c r="E206" s="43"/>
      <c r="F206" s="200"/>
      <c r="G206" s="201"/>
      <c r="H206" s="239"/>
    </row>
    <row r="207" spans="1:8" s="2" customFormat="1" ht="5.0999999999999996" customHeight="1" x14ac:dyDescent="0.25">
      <c r="A207" s="5"/>
      <c r="B207" s="5"/>
      <c r="C207" s="5"/>
      <c r="D207" s="5"/>
      <c r="E207" s="7"/>
      <c r="F207" s="7"/>
      <c r="G207" s="27"/>
    </row>
    <row r="208" spans="1:8" s="2" customFormat="1" ht="20.100000000000001" customHeight="1" x14ac:dyDescent="0.25">
      <c r="A208" s="181" t="s">
        <v>15</v>
      </c>
      <c r="B208" s="181"/>
      <c r="C208" s="181"/>
      <c r="D208" s="181"/>
      <c r="E208" s="181"/>
      <c r="F208" s="181"/>
      <c r="G208" s="181"/>
    </row>
    <row r="209" spans="1:7" s="3" customFormat="1" ht="30" customHeight="1" x14ac:dyDescent="0.25">
      <c r="A209" s="5" t="s">
        <v>16</v>
      </c>
      <c r="B209" s="209" t="s">
        <v>200</v>
      </c>
      <c r="C209" s="209"/>
      <c r="D209" s="209"/>
      <c r="E209" s="209"/>
      <c r="F209" s="209"/>
      <c r="G209" s="209"/>
    </row>
    <row r="210" spans="1:7" s="29" customFormat="1" ht="30" customHeight="1" x14ac:dyDescent="0.25">
      <c r="A210" s="5" t="s">
        <v>34</v>
      </c>
      <c r="B210" s="209" t="s">
        <v>35</v>
      </c>
      <c r="C210" s="209"/>
      <c r="D210" s="209"/>
      <c r="E210" s="209"/>
      <c r="F210" s="209"/>
      <c r="G210" s="209"/>
    </row>
    <row r="211" spans="1:7" s="29" customFormat="1" ht="30" customHeight="1" x14ac:dyDescent="0.25">
      <c r="A211" s="210" t="s">
        <v>36</v>
      </c>
      <c r="B211" s="210"/>
      <c r="C211" s="210"/>
      <c r="D211" s="210"/>
      <c r="E211" s="210"/>
      <c r="F211" s="210"/>
      <c r="G211" s="3"/>
    </row>
    <row r="212" spans="1:7" s="2" customFormat="1" ht="24.95" customHeight="1" x14ac:dyDescent="0.25">
      <c r="A212" s="28" t="s">
        <v>37</v>
      </c>
      <c r="B212" s="62"/>
      <c r="C212" s="62"/>
      <c r="D212" s="62"/>
      <c r="E212" s="62"/>
      <c r="G212" s="29"/>
    </row>
    <row r="213" spans="1:7" s="2" customFormat="1" ht="24.95" customHeight="1" x14ac:dyDescent="0.25">
      <c r="A213" s="28" t="s">
        <v>38</v>
      </c>
      <c r="B213" s="63"/>
      <c r="C213" s="63"/>
      <c r="D213" s="63"/>
      <c r="E213" s="63"/>
      <c r="G213" s="29"/>
    </row>
    <row r="214" spans="1:7" s="2" customFormat="1" ht="24.95" customHeight="1" x14ac:dyDescent="0.25">
      <c r="A214" s="28" t="s">
        <v>39</v>
      </c>
      <c r="B214" s="63"/>
      <c r="C214" s="63"/>
      <c r="D214" s="63"/>
      <c r="E214" s="63"/>
      <c r="G214" s="29"/>
    </row>
    <row r="215" spans="1:7" s="3" customFormat="1" ht="24.95" customHeight="1" x14ac:dyDescent="0.25">
      <c r="A215" s="28" t="s">
        <v>40</v>
      </c>
      <c r="B215" s="63"/>
      <c r="C215" s="63"/>
      <c r="D215" s="63"/>
      <c r="E215" s="63"/>
      <c r="F215" s="2"/>
      <c r="G215" s="30"/>
    </row>
    <row r="216" spans="1:7" s="2" customFormat="1" ht="46.5" customHeight="1" x14ac:dyDescent="0.2">
      <c r="A216" s="11"/>
      <c r="B216" s="12"/>
      <c r="C216" s="12"/>
      <c r="D216" s="12"/>
      <c r="E216" s="12"/>
      <c r="G216" s="31"/>
    </row>
    <row r="217" spans="1:7" s="3" customFormat="1" ht="15" customHeight="1" x14ac:dyDescent="0.25">
      <c r="A217" s="198" t="s">
        <v>41</v>
      </c>
      <c r="B217" s="198"/>
      <c r="C217" s="198"/>
      <c r="D217" s="198"/>
      <c r="E217" s="198"/>
      <c r="F217" s="198"/>
      <c r="G217" s="198"/>
    </row>
    <row r="218" spans="1:7" s="2" customFormat="1" ht="36.75" customHeight="1" x14ac:dyDescent="0.25">
      <c r="A218" s="199" t="s">
        <v>52</v>
      </c>
      <c r="B218" s="199"/>
      <c r="C218" s="199"/>
      <c r="D218" s="199"/>
      <c r="E218" s="199"/>
      <c r="F218" s="199"/>
      <c r="G218" s="199"/>
    </row>
    <row r="219" spans="1:7" s="2" customFormat="1" ht="20.100000000000001" customHeight="1" x14ac:dyDescent="0.2">
      <c r="A219" s="1"/>
      <c r="B219" s="1"/>
      <c r="C219" s="1"/>
      <c r="D219" s="1"/>
      <c r="E219" s="8"/>
      <c r="F219" s="8"/>
    </row>
    <row r="220" spans="1:7" s="3" customFormat="1" ht="4.5" customHeight="1" x14ac:dyDescent="0.2">
      <c r="A220" s="1"/>
      <c r="B220" s="1"/>
      <c r="C220" s="1"/>
      <c r="D220" s="1"/>
      <c r="E220" s="8"/>
      <c r="F220" s="8"/>
      <c r="G220" s="2"/>
    </row>
    <row r="221" spans="1:7" s="3" customFormat="1" ht="20.100000000000001" customHeight="1" x14ac:dyDescent="0.25">
      <c r="A221" s="32" t="s">
        <v>42</v>
      </c>
      <c r="B221" s="51"/>
      <c r="C221" s="1"/>
      <c r="D221" s="1"/>
      <c r="E221" s="33" t="s">
        <v>43</v>
      </c>
      <c r="F221" s="195"/>
      <c r="G221" s="195"/>
    </row>
    <row r="222" spans="1:7" s="3" customFormat="1" ht="20.100000000000001" customHeight="1" x14ac:dyDescent="0.25">
      <c r="A222" s="47" t="s">
        <v>44</v>
      </c>
      <c r="B222" s="52"/>
      <c r="C222" s="1"/>
      <c r="D222" s="1"/>
      <c r="E222" s="34"/>
      <c r="F222" s="35"/>
      <c r="G222" s="35"/>
    </row>
    <row r="223" spans="1:7" ht="20.100000000000001" customHeight="1" x14ac:dyDescent="0.2">
      <c r="E223" s="36" t="s">
        <v>45</v>
      </c>
      <c r="F223" s="196"/>
      <c r="G223" s="196"/>
    </row>
    <row r="224" spans="1:7" s="2" customFormat="1" ht="20.100000000000001" customHeight="1" x14ac:dyDescent="0.2">
      <c r="A224" s="1"/>
      <c r="B224" s="1"/>
      <c r="C224" s="1"/>
      <c r="D224" s="1"/>
      <c r="E224" s="36" t="s">
        <v>46</v>
      </c>
      <c r="F224" s="197"/>
      <c r="G224" s="197"/>
    </row>
    <row r="225" spans="1:6" s="2" customFormat="1" ht="20.100000000000001" customHeight="1" x14ac:dyDescent="0.2">
      <c r="A225" s="1"/>
      <c r="B225" s="1"/>
      <c r="C225" s="1"/>
      <c r="D225" s="1"/>
      <c r="E225" s="37" t="s">
        <v>47</v>
      </c>
      <c r="F225" s="1"/>
    </row>
    <row r="226" spans="1:6" s="2" customFormat="1" ht="37.5" customHeight="1" x14ac:dyDescent="0.25"/>
    <row r="227" spans="1:6" s="2" customFormat="1" ht="24" customHeight="1" x14ac:dyDescent="0.25"/>
    <row r="228" spans="1:6" s="2" customFormat="1" ht="24" customHeight="1" x14ac:dyDescent="0.25"/>
    <row r="229" spans="1:6" s="2" customFormat="1" ht="24" customHeight="1" x14ac:dyDescent="0.25"/>
    <row r="230" spans="1:6" s="2" customFormat="1" ht="20.100000000000001" customHeight="1" x14ac:dyDescent="0.25"/>
    <row r="231" spans="1:6" s="2" customFormat="1" ht="20.100000000000001" customHeight="1" x14ac:dyDescent="0.25"/>
    <row r="232" spans="1:6" s="2" customFormat="1" ht="50.1" customHeight="1" x14ac:dyDescent="0.25"/>
    <row r="233" spans="1:6" s="2" customFormat="1" ht="43.5" customHeight="1" x14ac:dyDescent="0.25"/>
    <row r="234" spans="1:6" ht="24.75" customHeight="1" x14ac:dyDescent="0.2">
      <c r="A234" s="2"/>
      <c r="B234" s="2"/>
      <c r="C234" s="2"/>
      <c r="D234" s="2"/>
      <c r="E234" s="2"/>
      <c r="F234" s="2"/>
    </row>
    <row r="235" spans="1:6" x14ac:dyDescent="0.2">
      <c r="A235" s="2"/>
      <c r="B235" s="2"/>
      <c r="C235" s="2"/>
      <c r="D235" s="2"/>
      <c r="E235" s="2"/>
      <c r="F235" s="2"/>
    </row>
    <row r="236" spans="1:6" ht="20.100000000000001" customHeight="1" x14ac:dyDescent="0.2"/>
    <row r="237" spans="1:6" ht="4.5" customHeight="1" x14ac:dyDescent="0.2"/>
    <row r="238" spans="1:6" ht="20.100000000000001" customHeight="1" x14ac:dyDescent="0.2"/>
    <row r="239" spans="1:6" ht="20.100000000000001" customHeight="1" x14ac:dyDescent="0.2"/>
    <row r="240" spans="1:6" ht="20.100000000000001" customHeight="1" x14ac:dyDescent="0.2"/>
  </sheetData>
  <mergeCells count="252">
    <mergeCell ref="A13:B13"/>
    <mergeCell ref="F189:G189"/>
    <mergeCell ref="F190:G190"/>
    <mergeCell ref="F197:G197"/>
    <mergeCell ref="B175:D175"/>
    <mergeCell ref="B189:D189"/>
    <mergeCell ref="B190:D190"/>
    <mergeCell ref="B191:D191"/>
    <mergeCell ref="B184:D184"/>
    <mergeCell ref="B185:D185"/>
    <mergeCell ref="B186:D186"/>
    <mergeCell ref="B187:D187"/>
    <mergeCell ref="B188:D188"/>
    <mergeCell ref="F184:G184"/>
    <mergeCell ref="F185:G185"/>
    <mergeCell ref="F186:G186"/>
    <mergeCell ref="F187:G187"/>
    <mergeCell ref="F188:G188"/>
    <mergeCell ref="B197:D197"/>
    <mergeCell ref="F196:G196"/>
    <mergeCell ref="B173:D173"/>
    <mergeCell ref="F60:G60"/>
    <mergeCell ref="F61:G61"/>
    <mergeCell ref="B159:D159"/>
    <mergeCell ref="B164:D164"/>
    <mergeCell ref="B150:D150"/>
    <mergeCell ref="B151:D151"/>
    <mergeCell ref="B152:D152"/>
    <mergeCell ref="B153:D153"/>
    <mergeCell ref="B154:D154"/>
    <mergeCell ref="B155:D155"/>
    <mergeCell ref="B156:D156"/>
    <mergeCell ref="B157:D157"/>
    <mergeCell ref="B158:D158"/>
    <mergeCell ref="B147:D147"/>
    <mergeCell ref="F92:G92"/>
    <mergeCell ref="F172:G172"/>
    <mergeCell ref="F173:G173"/>
    <mergeCell ref="F65:G65"/>
    <mergeCell ref="F66:G66"/>
    <mergeCell ref="B162:D162"/>
    <mergeCell ref="B167:D167"/>
    <mergeCell ref="B168:D168"/>
    <mergeCell ref="B169:D169"/>
    <mergeCell ref="B170:D170"/>
    <mergeCell ref="B171:D171"/>
    <mergeCell ref="B172:D172"/>
    <mergeCell ref="B163:D163"/>
    <mergeCell ref="C39:D39"/>
    <mergeCell ref="F42:G42"/>
    <mergeCell ref="H199:H206"/>
    <mergeCell ref="A3:G3"/>
    <mergeCell ref="A7:G7"/>
    <mergeCell ref="A8:G8"/>
    <mergeCell ref="A9:G9"/>
    <mergeCell ref="A11:G11"/>
    <mergeCell ref="A15:E15"/>
    <mergeCell ref="A35:G35"/>
    <mergeCell ref="A37:B38"/>
    <mergeCell ref="E37:G37"/>
    <mergeCell ref="F38:G38"/>
    <mergeCell ref="A24:G24"/>
    <mergeCell ref="B29:E29"/>
    <mergeCell ref="B30:E30"/>
    <mergeCell ref="A18:E18"/>
    <mergeCell ref="A19:E19"/>
    <mergeCell ref="A20:G20"/>
    <mergeCell ref="A21:G21"/>
    <mergeCell ref="A23:G23"/>
    <mergeCell ref="B160:D160"/>
    <mergeCell ref="B161:D161"/>
    <mergeCell ref="F85:G85"/>
    <mergeCell ref="F75:G75"/>
    <mergeCell ref="F76:G76"/>
    <mergeCell ref="A1:G1"/>
    <mergeCell ref="A12:E12"/>
    <mergeCell ref="A25:B25"/>
    <mergeCell ref="A28:B28"/>
    <mergeCell ref="F163:G163"/>
    <mergeCell ref="F158:G158"/>
    <mergeCell ref="F159:G159"/>
    <mergeCell ref="F160:G160"/>
    <mergeCell ref="F161:G161"/>
    <mergeCell ref="F162:G162"/>
    <mergeCell ref="A2:G2"/>
    <mergeCell ref="F152:G152"/>
    <mergeCell ref="A22:E22"/>
    <mergeCell ref="E145:G145"/>
    <mergeCell ref="F146:G146"/>
    <mergeCell ref="F40:G40"/>
    <mergeCell ref="A39:B40"/>
    <mergeCell ref="F59:G59"/>
    <mergeCell ref="F63:G63"/>
    <mergeCell ref="F64:G64"/>
    <mergeCell ref="A66:B66"/>
    <mergeCell ref="F43:G43"/>
    <mergeCell ref="A43:B43"/>
    <mergeCell ref="A49:B49"/>
    <mergeCell ref="A51:B51"/>
    <mergeCell ref="A58:B58"/>
    <mergeCell ref="F41:G41"/>
    <mergeCell ref="C43:D43"/>
    <mergeCell ref="A41:B41"/>
    <mergeCell ref="F51:G51"/>
    <mergeCell ref="F57:G57"/>
    <mergeCell ref="F58:G58"/>
    <mergeCell ref="F44:G44"/>
    <mergeCell ref="F45:G45"/>
    <mergeCell ref="F46:G46"/>
    <mergeCell ref="F47:G47"/>
    <mergeCell ref="F48:G48"/>
    <mergeCell ref="F49:G49"/>
    <mergeCell ref="F191:G191"/>
    <mergeCell ref="F221:G221"/>
    <mergeCell ref="F223:G223"/>
    <mergeCell ref="F224:G224"/>
    <mergeCell ref="A217:G217"/>
    <mergeCell ref="A218:G218"/>
    <mergeCell ref="F206:G206"/>
    <mergeCell ref="A201:B202"/>
    <mergeCell ref="E201:G201"/>
    <mergeCell ref="F202:G202"/>
    <mergeCell ref="A208:G208"/>
    <mergeCell ref="B209:G209"/>
    <mergeCell ref="B210:G210"/>
    <mergeCell ref="A211:F211"/>
    <mergeCell ref="F203:G203"/>
    <mergeCell ref="F204:G204"/>
    <mergeCell ref="B203:D203"/>
    <mergeCell ref="B204:D204"/>
    <mergeCell ref="B206:D206"/>
    <mergeCell ref="B205:D205"/>
    <mergeCell ref="F205:G205"/>
    <mergeCell ref="A199:G199"/>
    <mergeCell ref="B196:D196"/>
    <mergeCell ref="B192:D192"/>
    <mergeCell ref="B174:D174"/>
    <mergeCell ref="B176:D176"/>
    <mergeCell ref="B177:D177"/>
    <mergeCell ref="B178:D178"/>
    <mergeCell ref="B179:D179"/>
    <mergeCell ref="B180:D180"/>
    <mergeCell ref="B181:D181"/>
    <mergeCell ref="B182:D182"/>
    <mergeCell ref="B183:D183"/>
    <mergeCell ref="B193:D193"/>
    <mergeCell ref="B194:D194"/>
    <mergeCell ref="B195:D195"/>
    <mergeCell ref="A62:B62"/>
    <mergeCell ref="A71:B71"/>
    <mergeCell ref="F73:G73"/>
    <mergeCell ref="A78:B78"/>
    <mergeCell ref="F88:G88"/>
    <mergeCell ref="F89:G89"/>
    <mergeCell ref="F90:G90"/>
    <mergeCell ref="F91:G91"/>
    <mergeCell ref="F70:G70"/>
    <mergeCell ref="F86:G86"/>
    <mergeCell ref="F87:G87"/>
    <mergeCell ref="F71:G71"/>
    <mergeCell ref="F72:G72"/>
    <mergeCell ref="F74:G74"/>
    <mergeCell ref="F80:G80"/>
    <mergeCell ref="F81:G81"/>
    <mergeCell ref="F82:G82"/>
    <mergeCell ref="F83:G83"/>
    <mergeCell ref="F84:G84"/>
    <mergeCell ref="F77:G77"/>
    <mergeCell ref="F78:G78"/>
    <mergeCell ref="F79:G79"/>
    <mergeCell ref="F62:G62"/>
    <mergeCell ref="F67:G67"/>
    <mergeCell ref="F93:G93"/>
    <mergeCell ref="F94:G94"/>
    <mergeCell ref="F95:G95"/>
    <mergeCell ref="F96:G96"/>
    <mergeCell ref="F97:G97"/>
    <mergeCell ref="F98:G98"/>
    <mergeCell ref="F99:G99"/>
    <mergeCell ref="F100:G100"/>
    <mergeCell ref="F101:G101"/>
    <mergeCell ref="F102:G102"/>
    <mergeCell ref="F103:G103"/>
    <mergeCell ref="F104:G104"/>
    <mergeCell ref="F111:G111"/>
    <mergeCell ref="F112:G112"/>
    <mergeCell ref="A104:B104"/>
    <mergeCell ref="F105:G105"/>
    <mergeCell ref="F106:G106"/>
    <mergeCell ref="F107:G107"/>
    <mergeCell ref="F108:G108"/>
    <mergeCell ref="F109:G109"/>
    <mergeCell ref="F110:G110"/>
    <mergeCell ref="A116:B116"/>
    <mergeCell ref="F113:G113"/>
    <mergeCell ref="F116:G116"/>
    <mergeCell ref="F117:G117"/>
    <mergeCell ref="F118:G118"/>
    <mergeCell ref="F119:G119"/>
    <mergeCell ref="F120:G120"/>
    <mergeCell ref="F123:G123"/>
    <mergeCell ref="F124:G124"/>
    <mergeCell ref="F121:G121"/>
    <mergeCell ref="F122:G122"/>
    <mergeCell ref="F114:G114"/>
    <mergeCell ref="F115:G115"/>
    <mergeCell ref="A114:B114"/>
    <mergeCell ref="A123:B123"/>
    <mergeCell ref="A131:B131"/>
    <mergeCell ref="F139:G139"/>
    <mergeCell ref="A125:B125"/>
    <mergeCell ref="F192:G192"/>
    <mergeCell ref="F193:G193"/>
    <mergeCell ref="F194:G194"/>
    <mergeCell ref="F195:G195"/>
    <mergeCell ref="F182:G182"/>
    <mergeCell ref="F183:G183"/>
    <mergeCell ref="B166:D166"/>
    <mergeCell ref="B165:D165"/>
    <mergeCell ref="A145:D146"/>
    <mergeCell ref="F166:G166"/>
    <mergeCell ref="F154:G154"/>
    <mergeCell ref="F155:G155"/>
    <mergeCell ref="F156:G156"/>
    <mergeCell ref="F157:G157"/>
    <mergeCell ref="F147:G147"/>
    <mergeCell ref="F150:G150"/>
    <mergeCell ref="F151:G151"/>
    <mergeCell ref="A143:G143"/>
    <mergeCell ref="F141:G141"/>
    <mergeCell ref="B148:D148"/>
    <mergeCell ref="B149:D149"/>
    <mergeCell ref="H139:L141"/>
    <mergeCell ref="F140:G140"/>
    <mergeCell ref="F174:G174"/>
    <mergeCell ref="F176:G176"/>
    <mergeCell ref="F177:G177"/>
    <mergeCell ref="F178:G178"/>
    <mergeCell ref="F179:G179"/>
    <mergeCell ref="F180:G180"/>
    <mergeCell ref="F181:G181"/>
    <mergeCell ref="F165:G165"/>
    <mergeCell ref="F164:G164"/>
    <mergeCell ref="F167:G167"/>
    <mergeCell ref="F169:G169"/>
    <mergeCell ref="F170:G170"/>
    <mergeCell ref="F171:G171"/>
    <mergeCell ref="F148:G148"/>
    <mergeCell ref="F149:G149"/>
    <mergeCell ref="F153:G153"/>
    <mergeCell ref="F168:G168"/>
    <mergeCell ref="F175:G175"/>
  </mergeCells>
  <phoneticPr fontId="14" type="noConversion"/>
  <conditionalFormatting sqref="B221:B222 B4:B5 B212:B215 E41:E42 E44:E140">
    <cfRule type="containsBlanks" dxfId="11" priority="31">
      <formula>LEN(TRIM(B4))=0</formula>
    </cfRule>
  </conditionalFormatting>
  <conditionalFormatting sqref="F223:G223">
    <cfRule type="containsBlanks" dxfId="10" priority="30">
      <formula>LEN(TRIM(F223))=0</formula>
    </cfRule>
  </conditionalFormatting>
  <conditionalFormatting sqref="F224:G224">
    <cfRule type="containsBlanks" dxfId="9" priority="29">
      <formula>LEN(TRIM(F224))=0</formula>
    </cfRule>
  </conditionalFormatting>
  <conditionalFormatting sqref="E147:E157 E166:E187 E189:E197">
    <cfRule type="containsBlanks" dxfId="8" priority="21">
      <formula>LEN(TRIM(E147))=0</formula>
    </cfRule>
  </conditionalFormatting>
  <conditionalFormatting sqref="E203">
    <cfRule type="containsBlanks" dxfId="7" priority="20">
      <formula>LEN(TRIM(E203))=0</formula>
    </cfRule>
  </conditionalFormatting>
  <conditionalFormatting sqref="E204:E205">
    <cfRule type="containsBlanks" dxfId="6" priority="19">
      <formula>LEN(TRIM(E204))=0</formula>
    </cfRule>
  </conditionalFormatting>
  <conditionalFormatting sqref="E206">
    <cfRule type="containsBlanks" dxfId="5" priority="17">
      <formula>LEN(TRIM(E206))=0</formula>
    </cfRule>
  </conditionalFormatting>
  <conditionalFormatting sqref="E40">
    <cfRule type="containsBlanks" dxfId="4" priority="6">
      <formula>LEN(TRIM(E40))=0</formula>
    </cfRule>
  </conditionalFormatting>
  <conditionalFormatting sqref="E141">
    <cfRule type="containsBlanks" dxfId="3" priority="5">
      <formula>LEN(TRIM(E141))=0</formula>
    </cfRule>
  </conditionalFormatting>
  <conditionalFormatting sqref="E158:E165">
    <cfRule type="containsBlanks" dxfId="2" priority="3">
      <formula>LEN(TRIM(E158))=0</formula>
    </cfRule>
  </conditionalFormatting>
  <conditionalFormatting sqref="E188">
    <cfRule type="containsBlanks" dxfId="1" priority="2">
      <formula>LEN(TRIM(E188))=0</formula>
    </cfRule>
  </conditionalFormatting>
  <conditionalFormatting sqref="E43">
    <cfRule type="containsBlanks" dxfId="0" priority="1">
      <formula>LEN(TRIM(E43))=0</formula>
    </cfRule>
  </conditionalFormatting>
  <hyperlinks>
    <hyperlink ref="B197" r:id="rId1" tooltip="http://www.vusch.sk" display="http://www.vusch.sk/"/>
    <hyperlink ref="C197" r:id="rId2" tooltip="http://www.vusch.sk" display="http://www.vusch.sk/"/>
    <hyperlink ref="D197" r:id="rId3" tooltip="http://www.vusch.sk" display="http://www.vusch.sk/"/>
  </hyperlinks>
  <pageMargins left="0.7" right="0.7" top="0.97499999999999998" bottom="0.75" header="0.3" footer="0.3"/>
  <pageSetup paperSize="9" scale="49" fitToHeight="0" orientation="portrait" r:id="rId4"/>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171" max="9" man="1"/>
    <brk id="198" max="8" man="1"/>
  </rowBreaks>
  <drawing r:id="rId5"/>
  <legacyDrawing r:id="rId6"/>
  <mc:AlternateContent xmlns:mc="http://schemas.openxmlformats.org/markup-compatibility/2006">
    <mc:Choice Requires="x14">
      <controls>
        <mc:AlternateContent xmlns:mc="http://schemas.openxmlformats.org/markup-compatibility/2006">
          <mc:Choice Requires="x14">
            <control shapeId="8195" r:id="rId7" name="Check Box 3">
              <controlPr defaultSize="0" autoFill="0" autoLine="0" autoPict="0">
                <anchor moveWithCells="1">
                  <from>
                    <xdr:col>0</xdr:col>
                    <xdr:colOff>628650</xdr:colOff>
                    <xdr:row>25</xdr:row>
                    <xdr:rowOff>0</xdr:rowOff>
                  </from>
                  <to>
                    <xdr:col>1</xdr:col>
                    <xdr:colOff>76200</xdr:colOff>
                    <xdr:row>25</xdr:row>
                    <xdr:rowOff>219075</xdr:rowOff>
                  </to>
                </anchor>
              </controlPr>
            </control>
          </mc:Choice>
        </mc:AlternateContent>
        <mc:AlternateContent xmlns:mc="http://schemas.openxmlformats.org/markup-compatibility/2006">
          <mc:Choice Requires="x14">
            <control shapeId="8196" r:id="rId8" name="Check Box 4">
              <controlPr defaultSize="0" autoFill="0" autoLine="0" autoPict="0">
                <anchor moveWithCells="1">
                  <from>
                    <xdr:col>0</xdr:col>
                    <xdr:colOff>628650</xdr:colOff>
                    <xdr:row>26</xdr:row>
                    <xdr:rowOff>9525</xdr:rowOff>
                  </from>
                  <to>
                    <xdr:col>1</xdr:col>
                    <xdr:colOff>76200</xdr:colOff>
                    <xdr:row>26</xdr:row>
                    <xdr:rowOff>228600</xdr:rowOff>
                  </to>
                </anchor>
              </controlPr>
            </control>
          </mc:Choice>
        </mc:AlternateContent>
        <mc:AlternateContent xmlns:mc="http://schemas.openxmlformats.org/markup-compatibility/2006">
          <mc:Choice Requires="x14">
            <control shapeId="8197" r:id="rId9" name="Check Box 5">
              <controlPr defaultSize="0" autoFill="0" autoLine="0" autoPict="0">
                <anchor moveWithCells="1">
                  <from>
                    <xdr:col>0</xdr:col>
                    <xdr:colOff>628650</xdr:colOff>
                    <xdr:row>31</xdr:row>
                    <xdr:rowOff>9525</xdr:rowOff>
                  </from>
                  <to>
                    <xdr:col>1</xdr:col>
                    <xdr:colOff>76200</xdr:colOff>
                    <xdr:row>31</xdr:row>
                    <xdr:rowOff>228600</xdr:rowOff>
                  </to>
                </anchor>
              </controlPr>
            </control>
          </mc:Choice>
        </mc:AlternateContent>
        <mc:AlternateContent xmlns:mc="http://schemas.openxmlformats.org/markup-compatibility/2006">
          <mc:Choice Requires="x14">
            <control shapeId="8198" r:id="rId10" name="Check Box 6">
              <controlPr defaultSize="0" autoFill="0" autoLine="0" autoPict="0">
                <anchor moveWithCells="1">
                  <from>
                    <xdr:col>0</xdr:col>
                    <xdr:colOff>628650</xdr:colOff>
                    <xdr:row>32</xdr:row>
                    <xdr:rowOff>0</xdr:rowOff>
                  </from>
                  <to>
                    <xdr:col>1</xdr:col>
                    <xdr:colOff>76200</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Katarína Kupcová</cp:lastModifiedBy>
  <cp:lastPrinted>2020-11-19T14:06:09Z</cp:lastPrinted>
  <dcterms:created xsi:type="dcterms:W3CDTF">2017-04-21T05:51:15Z</dcterms:created>
  <dcterms:modified xsi:type="dcterms:W3CDTF">2022-05-09T13:00:58Z</dcterms:modified>
</cp:coreProperties>
</file>